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5\02. Oddelenie VO\01. Prebiehajúce zákazky\05. Renátka\396_2023 Polyetylénové vrecia, sáčky, tašky a vrecká\02. Príprava\05.02 PTK 2 2025\01. Odoslanie PTK\"/>
    </mc:Choice>
  </mc:AlternateContent>
  <bookViews>
    <workbookView xWindow="0" yWindow="0" windowWidth="23040" windowHeight="9195"/>
  </bookViews>
  <sheets>
    <sheet name="Ponuka - PTK" sheetId="8" r:id="rId1"/>
  </sheets>
  <definedNames>
    <definedName name="_xlnm.Print_Area" localSheetId="0">'Ponuka - PTK'!$A$1:$H$188</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49" uniqueCount="204">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6.</t>
  </si>
  <si>
    <t>7.</t>
  </si>
  <si>
    <t>8.</t>
  </si>
  <si>
    <t>9.</t>
  </si>
  <si>
    <t>11.</t>
  </si>
  <si>
    <t>12.</t>
  </si>
  <si>
    <t>13.</t>
  </si>
  <si>
    <t>14.</t>
  </si>
  <si>
    <t>15.</t>
  </si>
  <si>
    <t>16.</t>
  </si>
  <si>
    <t>17.</t>
  </si>
  <si>
    <t>18.</t>
  </si>
  <si>
    <t>19.</t>
  </si>
  <si>
    <t>20.</t>
  </si>
  <si>
    <t>21.</t>
  </si>
  <si>
    <t>tovar; služba</t>
  </si>
  <si>
    <t>10.</t>
  </si>
  <si>
    <t xml:space="preserve">Požadované minimálne technické vlastnosti, parametre a hodnoty predmetu zákazky
 </t>
  </si>
  <si>
    <t>Položka č. 2</t>
  </si>
  <si>
    <t>3.1</t>
  </si>
  <si>
    <t>3.2</t>
  </si>
  <si>
    <t>3.3</t>
  </si>
  <si>
    <t>3.4</t>
  </si>
  <si>
    <t>3.5</t>
  </si>
  <si>
    <t>12.1.</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Požaduje sa, aby dodávateľ v čase predloženia ponuky a zároveň počas trvania rámcovej dohody bol oprávnený na poskytnutie plnenia predmetu zákazky.</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Polyetylénové vrecia, sáčky, tašky a vrecká</t>
  </si>
  <si>
    <t>19640000-4 - Polyetylénový odpad a odpadkové vrecká a vaky</t>
  </si>
  <si>
    <t>18930000-7 - Vrecia a vaky</t>
  </si>
  <si>
    <t>Položka č. 3</t>
  </si>
  <si>
    <t>Položka č. 4</t>
  </si>
  <si>
    <t>Položka č. 5</t>
  </si>
  <si>
    <t>Položka č. 6</t>
  </si>
  <si>
    <t>Položka č. 7</t>
  </si>
  <si>
    <t>Položka č. 8</t>
  </si>
  <si>
    <t>Položka č. 9</t>
  </si>
  <si>
    <t>Položka č. 10</t>
  </si>
  <si>
    <t>Položka č. 11</t>
  </si>
  <si>
    <t>Vrecia na odpad oranžové</t>
  </si>
  <si>
    <t>Vrecia na odpad čierne</t>
  </si>
  <si>
    <t>Priesvitné potravinové vrecia</t>
  </si>
  <si>
    <t>Vrecia zaťahovacie 120 litrové</t>
  </si>
  <si>
    <t>Vrecia zaťahovacie 160 litrové</t>
  </si>
  <si>
    <t>Sáčky do koša 20 litrové</t>
  </si>
  <si>
    <t>Sáčky do koša 35 litrové</t>
  </si>
  <si>
    <t>Sáčky do koša 60 litrové</t>
  </si>
  <si>
    <t>LDPE technický regranulát bez zápachu</t>
  </si>
  <si>
    <t>Položka č. 2 - Vrecia na odpad čierne</t>
  </si>
  <si>
    <t xml:space="preserve"> LDPE technický regranulát bez zápachu</t>
  </si>
  <si>
    <t>farba čierna, nepriesvitná a nepriehľadná</t>
  </si>
  <si>
    <t>Položka č. 1 - Vrecia na odpad oranžové</t>
  </si>
  <si>
    <t>Položka č. 3 - Priesvitné potravinové vrecia</t>
  </si>
  <si>
    <t>LDPE primárny v potravinárskej kvalite</t>
  </si>
  <si>
    <t>bezfarebné, priehľadné</t>
  </si>
  <si>
    <t>Položka č. 4 - Vrecia zaťahovacie 120 litrové</t>
  </si>
  <si>
    <t>LDPE technický regranulát</t>
  </si>
  <si>
    <t>vrecia musia obsahovať zaťahovaciu pásku pre pohodlnú manipuláciu a uzavretie</t>
  </si>
  <si>
    <t>farba modrá, nepriehľadná</t>
  </si>
  <si>
    <t>Položka č. 5 - Vrecia zaťahovacie 160 litrové</t>
  </si>
  <si>
    <t>Položka č. 6 - Sáčky do koša 20 litrové</t>
  </si>
  <si>
    <t>materiál HDPE</t>
  </si>
  <si>
    <t xml:space="preserve"> farba čierna</t>
  </si>
  <si>
    <t>Položka č. 7 - Sáčky do koša 35 litrové</t>
  </si>
  <si>
    <t>materiál LDPE</t>
  </si>
  <si>
    <t>Položka č. 8 - Sáčky do koša 60 litrové</t>
  </si>
  <si>
    <t>farba: bezfarebná, priehľadná, resp. biela</t>
  </si>
  <si>
    <t>Položka č. 10 - Vrecká s rýchlouzáverom 70 x 100 mm</t>
  </si>
  <si>
    <t>uzatváranie rýchlouzáverom</t>
  </si>
  <si>
    <t>bezfarebné, priesvitné</t>
  </si>
  <si>
    <t>Položka č. 11 - Vrecká s rýchlouzáverom 100 x 150 mm</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11.1 uzná navýšenie konečnej jednotkovej ceny za MJ bez DPH príslušnej položky predmetu zákazky, zašle dodávateľovi oznámenie, v ktorom potvrdí oprávnenie ním ponúknutej ceny.
11.2 neuzná navýšenie konečnej jednotkovej ceny za MJ bez DPH príslušnej položky predmetu zákazky, vyhradzuje si právo odstúpiť od uzavretej rámcovej dohody.</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ktorá mu bude oznámená v Oznámení o výsledku vyhodnotenia splnenia požiadaviek na predmet zákazky podľa bodu 2. časti C. tejto rámcovej dohody. Za deň splnenia peňažného záväzku sa považuje deň odpísania dlžnej sumy z účtu objednávateľa v prospech účtu dodávateľa.</t>
  </si>
  <si>
    <t xml:space="preserve">Polyetylénové vrecia, sáčky, tašky a vrecká slúžiace na zber rôzneho druhu odpadu. 
</t>
  </si>
  <si>
    <r>
      <t xml:space="preserve">V prípade, ak sa na predmet zákazky vykonala prípravná trhová konzultácia, informácie k prípravnej trhovej konzultácie verejný obstarávateľ zverejňuje na </t>
    </r>
    <r>
      <rPr>
        <u/>
        <sz val="10"/>
        <color rgb="FF0070C0"/>
        <rFont val="Arial"/>
        <family val="2"/>
        <charset val="238"/>
      </rPr>
      <t>www.vusch.sk/verejne-obstaravanie/</t>
    </r>
    <r>
      <rPr>
        <sz val="10"/>
        <rFont val="Arial"/>
        <family val="2"/>
        <charset val="238"/>
      </rPr>
      <t>.</t>
    </r>
  </si>
  <si>
    <t>Požaduje sa poskytovanie plnenia vo viacerých ucelených častiach, a to na základe písomných čiastkových výziev (ďalej len "objednávka") objednávateľa s periodicitou a v minimálnych objemoch podľa jeho aktuálnych prevádzkových potrieb.</t>
  </si>
  <si>
    <t>Vrecká s rýchlouzáverom 70 x 100 mm</t>
  </si>
  <si>
    <t>Vrecká s rýchlouzáverom 100 x 150 mm</t>
  </si>
  <si>
    <t>Kalkulácia ceny a návrh na plnenie kritéria na vyhodnotenie ponúk - Štruktúrovaný rozpočet ceny predmetu zákazky</t>
  </si>
  <si>
    <t>Taška mikroténová 250 x 470 mm</t>
  </si>
  <si>
    <t>Položka č. 9 - Taška mikroténová 250 x 470 mm</t>
  </si>
  <si>
    <t>Požaduje sa uzatvorenie rámcovej dohody, a to na na dohodnuté zmluvné obdobie dvadsaťštyri (24) kalendárnych mesiacov, resp. do doby naplnenia zmluvného finančného objemu podľa toho, ktorá z uvedených skutočností nastane skôr.</t>
  </si>
  <si>
    <t>bal / 100 ks</t>
  </si>
  <si>
    <r>
      <t>Prospektový materiál</t>
    </r>
    <r>
      <rPr>
        <sz val="10"/>
        <color theme="1"/>
        <rFont val="Arial"/>
        <family val="2"/>
        <charset val="238"/>
      </rPr>
      <t xml:space="preserve"> (resp. iný doklad), prostredníctvom ktorého uchádzač jednoznačne preukáže, že všetky ním ponúkané produkty spĺňajú verejným obstarávateľom požadované minimálne technické vlastnosti, parametre a hodnoty predmetu zákazky.             </t>
    </r>
  </si>
  <si>
    <t>Dodávateľ je povinný vystaviť faktúru za dodaný tovar v súlade s ustanovením §73 zákona č. 222/2004 Z. z. o dani z pridanej hodnoty v znení neskorších predpisov (ďalej len „zákon o DPH“).</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Dodávateľ je povinný bezodkladne, najneskôr však do piatich (5) pracovných dní od preukázania skutočnosti uvedenej v predchádzajúcej vete, doručiť objednávateľovi dodatok, predmetom ktorého bude upravená cena zistená podľa bodu 12. týchto zmluvných podmienok.                                                                                               V prípade, ak v uvedenej lehote nebude dodatok objednávateľovi doručený, vyhradzuje si objednávateľ právo od zmluvy odstúpiť.</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ej boli avizované okolnosti vyššej moci, právo odstúpiť od uzatvorenej rámcovej dohody. Účinky odstúpenia nastanú dňom doručenia oznámenia druhej zmluvnej strane.</t>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je oprávnený od RD odstúpiť.</t>
  </si>
  <si>
    <t>Položka</t>
  </si>
  <si>
    <t>Merná jednotka</t>
  </si>
  <si>
    <t>minimum</t>
  </si>
  <si>
    <t>maximum</t>
  </si>
  <si>
    <r>
      <t>šírka</t>
    </r>
    <r>
      <rPr>
        <sz val="10"/>
        <color rgb="FFC00000"/>
        <rFont val="Arial"/>
        <family val="2"/>
        <charset val="238"/>
      </rPr>
      <t xml:space="preserve"> </t>
    </r>
  </si>
  <si>
    <t>výška</t>
  </si>
  <si>
    <t>hrúbka</t>
  </si>
  <si>
    <t>hmotnosť vreca</t>
  </si>
  <si>
    <r>
      <t>nosnosť vreca</t>
    </r>
    <r>
      <rPr>
        <sz val="10"/>
        <color rgb="FFC00000"/>
        <rFont val="Arial"/>
        <family val="2"/>
        <charset val="238"/>
      </rPr>
      <t xml:space="preserve"> </t>
    </r>
  </si>
  <si>
    <t xml:space="preserve">šírka </t>
  </si>
  <si>
    <t xml:space="preserve">výška </t>
  </si>
  <si>
    <t xml:space="preserve">hmotnosť vreca </t>
  </si>
  <si>
    <t>šírka</t>
  </si>
  <si>
    <t xml:space="preserve">hrúbka min. </t>
  </si>
  <si>
    <t xml:space="preserve">min. hmotnosť vreca </t>
  </si>
  <si>
    <t xml:space="preserve">hrúbka </t>
  </si>
  <si>
    <t xml:space="preserve">hmotnosť </t>
  </si>
  <si>
    <t>hmotnosť</t>
  </si>
  <si>
    <r>
      <t>výška</t>
    </r>
    <r>
      <rPr>
        <sz val="10"/>
        <color rgb="FFC00000"/>
        <rFont val="Arial"/>
        <family val="2"/>
        <charset val="238"/>
      </rPr>
      <t xml:space="preserve"> </t>
    </r>
  </si>
  <si>
    <t>nosnosť tašky</t>
  </si>
  <si>
    <t>mm</t>
  </si>
  <si>
    <t>750</t>
  </si>
  <si>
    <t>1150</t>
  </si>
  <si>
    <t>x</t>
  </si>
  <si>
    <t>g</t>
  </si>
  <si>
    <t>kg</t>
  </si>
  <si>
    <t>600</t>
  </si>
  <si>
    <t>1000 + 50 na pásku</t>
  </si>
  <si>
    <t>1070</t>
  </si>
  <si>
    <t>930</t>
  </si>
  <si>
    <t>550</t>
  </si>
  <si>
    <t>650</t>
  </si>
  <si>
    <t>270</t>
  </si>
  <si>
    <t>500</t>
  </si>
  <si>
    <t>90</t>
  </si>
  <si>
    <t>120</t>
  </si>
  <si>
    <t>170</t>
  </si>
  <si>
    <t>nosnosť vreca</t>
  </si>
  <si>
    <t xml:space="preserve">nosnosť vreca </t>
  </si>
  <si>
    <r>
      <rPr>
        <b/>
        <sz val="10"/>
        <color theme="1"/>
        <rFont val="Arial"/>
        <family val="2"/>
        <charset val="238"/>
      </rPr>
      <t>Funkčné vzorky</t>
    </r>
    <r>
      <rPr>
        <sz val="10"/>
        <color theme="1"/>
        <rFont val="Arial"/>
        <family val="2"/>
        <charset val="238"/>
      </rPr>
      <t xml:space="preserve"> všetkých ponúkaných produktov uvedených v </t>
    </r>
    <r>
      <rPr>
        <i/>
        <sz val="10"/>
        <color theme="1"/>
        <rFont val="Arial"/>
        <family val="2"/>
        <charset val="238"/>
      </rPr>
      <t xml:space="preserve">Prílohe č. 1 - Kalkulácia ceny a návrh na plnenie kritéria na vyhodnotenie ponúk - Štruktúrovaný rozpočet ceny predmetu zákazky </t>
    </r>
    <r>
      <rPr>
        <sz val="10"/>
        <color theme="1"/>
        <rFont val="Arial"/>
        <family val="2"/>
        <charset val="238"/>
      </rPr>
      <t xml:space="preserve">v počte </t>
    </r>
    <r>
      <rPr>
        <b/>
        <sz val="10"/>
        <color theme="1"/>
        <rFont val="Arial"/>
        <family val="2"/>
        <charset val="238"/>
      </rPr>
      <t xml:space="preserve">minimálne 2 ks, </t>
    </r>
    <r>
      <rPr>
        <sz val="10"/>
        <color theme="1"/>
        <rFont val="Arial"/>
        <family val="2"/>
        <charset val="238"/>
      </rPr>
      <t>t.j. 2 ks pre každú požadovanú položku  predmetu zák</t>
    </r>
    <r>
      <rPr>
        <i/>
        <sz val="10"/>
        <color theme="1"/>
        <rFont val="Arial"/>
        <family val="2"/>
        <charset val="238"/>
      </rPr>
      <t>azky,</t>
    </r>
    <r>
      <rPr>
        <sz val="10"/>
        <color theme="1"/>
        <rFont val="Arial"/>
        <family val="2"/>
        <charset val="238"/>
      </rPr>
      <t xml:space="preserve"> za účelom ich testovania v plnej prevádzke verejného obstarávateľa.    </t>
    </r>
    <r>
      <rPr>
        <i/>
        <sz val="10"/>
        <color theme="1"/>
        <rFont val="Arial"/>
        <family val="2"/>
        <charset val="238"/>
      </rPr>
      <t xml:space="preserve">        </t>
    </r>
  </si>
  <si>
    <r>
      <t xml:space="preserve">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t>
    </r>
    <r>
      <rPr>
        <u/>
        <sz val="10"/>
        <color rgb="FF0070C0"/>
        <rFont val="Arial"/>
        <family val="2"/>
        <charset val="238"/>
      </rPr>
      <t>www.vusch.sk</t>
    </r>
    <r>
      <rPr>
        <sz val="10"/>
        <rFont val="Arial"/>
        <family val="2"/>
        <charset val="238"/>
      </rPr>
      <t>.</t>
    </r>
  </si>
  <si>
    <t>Predpokladaný počet MJ za zmluvné obdobie 24 mesiacov</t>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64" formatCode="0.000"/>
  </numFmts>
  <fonts count="17"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u/>
      <sz val="10"/>
      <color rgb="FF0070C0"/>
      <name val="Arial"/>
      <family val="2"/>
      <charset val="238"/>
    </font>
    <font>
      <i/>
      <sz val="10"/>
      <color theme="1"/>
      <name val="Arial"/>
      <family val="2"/>
      <charset val="238"/>
    </font>
    <font>
      <b/>
      <i/>
      <sz val="10"/>
      <color theme="1"/>
      <name val="Arial"/>
      <family val="2"/>
      <charset val="238"/>
    </font>
    <font>
      <sz val="10"/>
      <color rgb="FFC0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7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indexed="64"/>
      </left>
      <right style="thin">
        <color auto="1"/>
      </right>
      <top style="medium">
        <color indexed="64"/>
      </top>
      <bottom style="thin">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style="thin">
        <color auto="1"/>
      </left>
      <right/>
      <top style="medium">
        <color auto="1"/>
      </top>
      <bottom style="thin">
        <color auto="1"/>
      </bottom>
      <diagonal/>
    </border>
    <border>
      <left/>
      <right style="medium">
        <color auto="1"/>
      </right>
      <top style="thin">
        <color indexed="64"/>
      </top>
      <bottom style="thin">
        <color auto="1"/>
      </bottom>
      <diagonal/>
    </border>
    <border>
      <left/>
      <right/>
      <top style="dotted">
        <color auto="1"/>
      </top>
      <bottom/>
      <diagonal/>
    </border>
    <border>
      <left style="thin">
        <color auto="1"/>
      </left>
      <right/>
      <top style="thin">
        <color auto="1"/>
      </top>
      <bottom style="medium">
        <color auto="1"/>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auto="1"/>
      </bottom>
      <diagonal/>
    </border>
    <border>
      <left style="thin">
        <color auto="1"/>
      </left>
      <right/>
      <top/>
      <bottom/>
      <diagonal/>
    </border>
    <border>
      <left style="thin">
        <color auto="1"/>
      </left>
      <right/>
      <top style="thin">
        <color auto="1"/>
      </top>
      <bottom style="dotted">
        <color indexed="64"/>
      </bottom>
      <diagonal/>
    </border>
    <border>
      <left style="thin">
        <color auto="1"/>
      </left>
      <right/>
      <top style="dotted">
        <color indexed="64"/>
      </top>
      <bottom style="dotted">
        <color indexed="64"/>
      </bottom>
      <diagonal/>
    </border>
    <border>
      <left style="medium">
        <color auto="1"/>
      </left>
      <right style="thin">
        <color auto="1"/>
      </right>
      <top/>
      <bottom style="thin">
        <color auto="1"/>
      </bottom>
      <diagonal/>
    </border>
    <border>
      <left style="medium">
        <color auto="1"/>
      </left>
      <right style="thin">
        <color auto="1"/>
      </right>
      <top/>
      <bottom/>
      <diagonal/>
    </border>
    <border>
      <left style="medium">
        <color auto="1"/>
      </left>
      <right style="thin">
        <color auto="1"/>
      </right>
      <top style="thin">
        <color auto="1"/>
      </top>
      <bottom style="dotted">
        <color auto="1"/>
      </bottom>
      <diagonal/>
    </border>
    <border>
      <left style="medium">
        <color auto="1"/>
      </left>
      <right style="thin">
        <color auto="1"/>
      </right>
      <top style="thin">
        <color auto="1"/>
      </top>
      <bottom/>
      <diagonal/>
    </border>
    <border>
      <left style="medium">
        <color auto="1"/>
      </left>
      <right style="thin">
        <color auto="1"/>
      </right>
      <top style="dotted">
        <color auto="1"/>
      </top>
      <bottom/>
      <diagonal/>
    </border>
    <border>
      <left style="medium">
        <color auto="1"/>
      </left>
      <right/>
      <top style="thin">
        <color auto="1"/>
      </top>
      <bottom style="thin">
        <color auto="1"/>
      </bottom>
      <diagonal/>
    </border>
    <border>
      <left style="thin">
        <color auto="1"/>
      </left>
      <right style="thin">
        <color auto="1"/>
      </right>
      <top style="thin">
        <color auto="1"/>
      </top>
      <bottom/>
      <diagonal/>
    </border>
    <border>
      <left style="thin">
        <color auto="1"/>
      </left>
      <right/>
      <top/>
      <bottom style="thin">
        <color auto="1"/>
      </bottom>
      <diagonal/>
    </border>
    <border>
      <left/>
      <right/>
      <top/>
      <bottom style="thin">
        <color auto="1"/>
      </bottom>
      <diagonal/>
    </border>
    <border>
      <left style="thin">
        <color auto="1"/>
      </left>
      <right style="dotted">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right style="thin">
        <color auto="1"/>
      </right>
      <top style="medium">
        <color indexed="64"/>
      </top>
      <bottom style="thin">
        <color auto="1"/>
      </bottom>
      <diagonal/>
    </border>
    <border>
      <left/>
      <right style="thin">
        <color auto="1"/>
      </right>
      <top style="thin">
        <color auto="1"/>
      </top>
      <bottom style="medium">
        <color indexed="64"/>
      </bottom>
      <diagonal/>
    </border>
    <border>
      <left/>
      <right style="medium">
        <color indexed="64"/>
      </right>
      <top style="thin">
        <color auto="1"/>
      </top>
      <bottom style="medium">
        <color indexed="64"/>
      </bottom>
      <diagonal/>
    </border>
    <border>
      <left style="medium">
        <color auto="1"/>
      </left>
      <right/>
      <top/>
      <bottom style="thin">
        <color auto="1"/>
      </bottom>
      <diagonal/>
    </border>
    <border>
      <left/>
      <right style="medium">
        <color auto="1"/>
      </right>
      <top/>
      <bottom style="thin">
        <color auto="1"/>
      </bottom>
      <diagonal/>
    </border>
    <border>
      <left/>
      <right/>
      <top style="thin">
        <color auto="1"/>
      </top>
      <bottom style="medium">
        <color auto="1"/>
      </bottom>
      <diagonal/>
    </border>
    <border>
      <left/>
      <right style="thin">
        <color indexed="64"/>
      </right>
      <top/>
      <bottom style="thin">
        <color indexed="64"/>
      </bottom>
      <diagonal/>
    </border>
    <border>
      <left/>
      <right style="thin">
        <color auto="1"/>
      </right>
      <top/>
      <bottom/>
      <diagonal/>
    </border>
    <border>
      <left style="thin">
        <color auto="1"/>
      </left>
      <right style="thin">
        <color auto="1"/>
      </right>
      <top style="thin">
        <color auto="1"/>
      </top>
      <bottom style="dotted">
        <color indexed="64"/>
      </bottom>
      <diagonal/>
    </border>
    <border>
      <left/>
      <right/>
      <top style="thin">
        <color auto="1"/>
      </top>
      <bottom style="dotted">
        <color indexed="64"/>
      </bottom>
      <diagonal/>
    </border>
    <border>
      <left/>
      <right style="thin">
        <color auto="1"/>
      </right>
      <top style="thin">
        <color auto="1"/>
      </top>
      <bottom style="dotted">
        <color indexed="64"/>
      </bottom>
      <diagonal/>
    </border>
    <border>
      <left style="thin">
        <color auto="1"/>
      </left>
      <right style="thin">
        <color auto="1"/>
      </right>
      <top style="dotted">
        <color indexed="64"/>
      </top>
      <bottom style="dotted">
        <color indexed="64"/>
      </bottom>
      <diagonal/>
    </border>
    <border>
      <left/>
      <right/>
      <top style="dotted">
        <color indexed="64"/>
      </top>
      <bottom style="dotted">
        <color indexed="64"/>
      </bottom>
      <diagonal/>
    </border>
    <border>
      <left/>
      <right style="thin">
        <color auto="1"/>
      </right>
      <top style="dotted">
        <color indexed="64"/>
      </top>
      <bottom style="dotted">
        <color indexed="64"/>
      </bottom>
      <diagonal/>
    </border>
    <border>
      <left style="thin">
        <color auto="1"/>
      </left>
      <right style="medium">
        <color indexed="64"/>
      </right>
      <top style="thin">
        <color auto="1"/>
      </top>
      <bottom style="dotted">
        <color indexed="64"/>
      </bottom>
      <diagonal/>
    </border>
    <border>
      <left style="thin">
        <color auto="1"/>
      </left>
      <right style="thin">
        <color auto="1"/>
      </right>
      <top/>
      <bottom style="thin">
        <color auto="1"/>
      </bottom>
      <diagonal/>
    </border>
    <border>
      <left style="thin">
        <color auto="1"/>
      </left>
      <right style="medium">
        <color indexed="64"/>
      </right>
      <top/>
      <bottom style="thin">
        <color auto="1"/>
      </bottom>
      <diagonal/>
    </border>
    <border>
      <left style="thin">
        <color auto="1"/>
      </left>
      <right style="thin">
        <color auto="1"/>
      </right>
      <top/>
      <bottom style="dotted">
        <color indexed="64"/>
      </bottom>
      <diagonal/>
    </border>
    <border>
      <left style="thin">
        <color auto="1"/>
      </left>
      <right style="medium">
        <color indexed="64"/>
      </right>
      <top/>
      <bottom style="dotted">
        <color indexed="64"/>
      </bottom>
      <diagonal/>
    </border>
    <border>
      <left style="thin">
        <color auto="1"/>
      </left>
      <right style="medium">
        <color indexed="64"/>
      </right>
      <top style="dotted">
        <color indexed="64"/>
      </top>
      <bottom style="dotted">
        <color indexed="64"/>
      </bottom>
      <diagonal/>
    </border>
    <border>
      <left style="thin">
        <color auto="1"/>
      </left>
      <right style="medium">
        <color indexed="64"/>
      </right>
      <top style="thin">
        <color auto="1"/>
      </top>
      <bottom/>
      <diagonal/>
    </border>
    <border>
      <left style="thin">
        <color auto="1"/>
      </left>
      <right style="thin">
        <color auto="1"/>
      </right>
      <top style="thin">
        <color auto="1"/>
      </top>
      <bottom style="double">
        <color indexed="64"/>
      </bottom>
      <diagonal/>
    </border>
    <border>
      <left/>
      <right style="medium">
        <color indexed="64"/>
      </right>
      <top style="medium">
        <color indexed="64"/>
      </top>
      <bottom style="thin">
        <color auto="1"/>
      </bottom>
      <diagonal/>
    </border>
    <border>
      <left style="dotted">
        <color auto="1"/>
      </left>
      <right style="medium">
        <color indexed="64"/>
      </right>
      <top/>
      <bottom style="thin">
        <color auto="1"/>
      </bottom>
      <diagonal/>
    </border>
    <border>
      <left style="dotted">
        <color auto="1"/>
      </left>
      <right style="medium">
        <color indexed="64"/>
      </right>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67">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4" xfId="0" applyFont="1" applyFill="1" applyBorder="1" applyAlignment="1">
      <alignment horizontal="center" vertical="center"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21"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4"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7"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4" xfId="5" applyFont="1" applyFill="1" applyBorder="1" applyAlignment="1">
      <alignment horizontal="right" vertical="center" wrapText="1"/>
    </xf>
    <xf numFmtId="0" fontId="7" fillId="0" borderId="29" xfId="0" applyNumberFormat="1" applyFont="1" applyBorder="1" applyAlignment="1">
      <alignment horizontal="center" vertical="center" wrapText="1"/>
    </xf>
    <xf numFmtId="0" fontId="7" fillId="0" borderId="14" xfId="0" applyNumberFormat="1" applyFont="1" applyBorder="1" applyAlignment="1">
      <alignment horizontal="center" vertical="center" wrapText="1"/>
    </xf>
    <xf numFmtId="0" fontId="7" fillId="0" borderId="30" xfId="0" applyNumberFormat="1" applyFont="1" applyBorder="1" applyAlignment="1">
      <alignment horizontal="center" vertical="center" wrapText="1"/>
    </xf>
    <xf numFmtId="0" fontId="4" fillId="6" borderId="14" xfId="0" applyFont="1" applyFill="1" applyBorder="1" applyAlignment="1">
      <alignment vertical="center" wrapText="1"/>
    </xf>
    <xf numFmtId="0" fontId="4" fillId="0" borderId="14" xfId="0" applyFont="1" applyBorder="1" applyAlignment="1">
      <alignment vertical="center" wrapText="1"/>
    </xf>
    <xf numFmtId="0" fontId="7" fillId="0" borderId="0" xfId="0" applyFont="1" applyAlignment="1">
      <alignment horizontal="right" vertical="top" wrapText="1"/>
    </xf>
    <xf numFmtId="0" fontId="7" fillId="0" borderId="14" xfId="0" applyNumberFormat="1" applyFont="1" applyFill="1" applyBorder="1" applyAlignment="1">
      <alignment horizontal="center" vertical="center" wrapText="1"/>
    </xf>
    <xf numFmtId="0" fontId="4" fillId="0" borderId="40" xfId="0" applyFont="1" applyFill="1" applyBorder="1" applyAlignment="1">
      <alignment horizontal="left" vertical="center" wrapText="1"/>
    </xf>
    <xf numFmtId="0" fontId="4" fillId="0" borderId="14" xfId="0" applyFont="1" applyFill="1" applyBorder="1" applyAlignment="1">
      <alignment vertical="center" wrapText="1"/>
    </xf>
    <xf numFmtId="0" fontId="2" fillId="0" borderId="0" xfId="0" applyFont="1" applyFill="1" applyAlignment="1">
      <alignment vertical="center"/>
    </xf>
    <xf numFmtId="49" fontId="2" fillId="0" borderId="39" xfId="0" applyNumberFormat="1" applyFont="1" applyBorder="1" applyAlignment="1">
      <alignment horizontal="center" vertical="center"/>
    </xf>
    <xf numFmtId="49" fontId="2" fillId="0" borderId="39" xfId="0" applyNumberFormat="1" applyFont="1" applyFill="1" applyBorder="1" applyAlignment="1">
      <alignment horizontal="center" vertical="center"/>
    </xf>
    <xf numFmtId="49" fontId="2" fillId="0" borderId="11" xfId="0" applyNumberFormat="1" applyFont="1" applyBorder="1" applyAlignment="1">
      <alignment horizontal="center" vertical="center"/>
    </xf>
    <xf numFmtId="49" fontId="2" fillId="0" borderId="37" xfId="0" applyNumberFormat="1" applyFont="1" applyBorder="1" applyAlignment="1">
      <alignment horizontal="center" vertical="center"/>
    </xf>
    <xf numFmtId="49" fontId="2" fillId="0" borderId="11" xfId="0" applyNumberFormat="1" applyFont="1" applyFill="1" applyBorder="1" applyAlignment="1">
      <alignment horizontal="center" vertical="center"/>
    </xf>
    <xf numFmtId="49" fontId="2" fillId="0" borderId="9" xfId="0" applyNumberFormat="1" applyFont="1" applyFill="1" applyBorder="1" applyAlignment="1">
      <alignment horizontal="center" vertical="center" wrapText="1"/>
    </xf>
    <xf numFmtId="49" fontId="2" fillId="0" borderId="11" xfId="0" applyNumberFormat="1" applyFont="1" applyFill="1" applyBorder="1" applyAlignment="1">
      <alignment horizontal="center" vertical="center" wrapText="1"/>
    </xf>
    <xf numFmtId="49" fontId="2" fillId="0" borderId="37" xfId="0" applyNumberFormat="1" applyFont="1" applyFill="1" applyBorder="1" applyAlignment="1">
      <alignment horizontal="center" vertical="center" wrapText="1"/>
    </xf>
    <xf numFmtId="49" fontId="2" fillId="0" borderId="34" xfId="0" applyNumberFormat="1" applyFont="1" applyFill="1" applyBorder="1" applyAlignment="1">
      <alignment horizontal="right" vertical="center" wrapText="1"/>
    </xf>
    <xf numFmtId="49" fontId="2" fillId="0" borderId="36" xfId="0" applyNumberFormat="1" applyFont="1" applyFill="1" applyBorder="1" applyAlignment="1">
      <alignment horizontal="center" vertical="center" wrapText="1"/>
    </xf>
    <xf numFmtId="49" fontId="2" fillId="0" borderId="35" xfId="0" applyNumberFormat="1" applyFont="1" applyFill="1" applyBorder="1" applyAlignment="1">
      <alignment horizontal="right" vertical="center" wrapText="1"/>
    </xf>
    <xf numFmtId="49" fontId="2" fillId="0" borderId="38" xfId="0" applyNumberFormat="1" applyFont="1" applyFill="1" applyBorder="1" applyAlignment="1">
      <alignment horizontal="right" vertical="center" wrapText="1"/>
    </xf>
    <xf numFmtId="49" fontId="2" fillId="0" borderId="10" xfId="0" applyNumberFormat="1" applyFont="1" applyFill="1" applyBorder="1" applyAlignment="1">
      <alignment horizontal="right" vertical="center" wrapText="1"/>
    </xf>
    <xf numFmtId="0" fontId="10" fillId="0" borderId="0" xfId="0" applyFont="1" applyBorder="1" applyAlignment="1">
      <alignment horizontal="center" vertical="center" wrapText="1"/>
    </xf>
    <xf numFmtId="49" fontId="2" fillId="2" borderId="43" xfId="0" applyNumberFormat="1" applyFont="1" applyFill="1" applyBorder="1" applyAlignment="1">
      <alignment horizontal="center"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2" fillId="0" borderId="5" xfId="0" applyFont="1" applyBorder="1" applyAlignment="1">
      <alignment horizontal="left" vertical="center" wrapText="1"/>
    </xf>
    <xf numFmtId="0" fontId="2" fillId="0" borderId="7" xfId="0" applyFont="1" applyBorder="1" applyAlignment="1">
      <alignment horizontal="left" vertical="center" wrapText="1"/>
    </xf>
    <xf numFmtId="0" fontId="7" fillId="0" borderId="7" xfId="0" applyNumberFormat="1" applyFont="1" applyBorder="1" applyAlignment="1">
      <alignment horizontal="center" vertical="center" wrapText="1"/>
    </xf>
    <xf numFmtId="0" fontId="7" fillId="0" borderId="7" xfId="0" applyNumberFormat="1" applyFont="1" applyFill="1" applyBorder="1" applyAlignment="1">
      <alignment horizontal="center" vertical="center" wrapText="1"/>
    </xf>
    <xf numFmtId="0" fontId="4" fillId="0" borderId="14" xfId="0" applyFont="1" applyBorder="1" applyAlignment="1">
      <alignment horizontal="left" vertical="center"/>
    </xf>
    <xf numFmtId="0" fontId="7" fillId="5" borderId="14" xfId="0" applyNumberFormat="1" applyFont="1" applyFill="1" applyBorder="1" applyAlignment="1">
      <alignment horizontal="center" vertical="center" wrapText="1"/>
    </xf>
    <xf numFmtId="49" fontId="2" fillId="0" borderId="14" xfId="0" applyNumberFormat="1" applyFont="1" applyFill="1" applyBorder="1" applyAlignment="1">
      <alignment horizontal="center" vertical="center"/>
    </xf>
    <xf numFmtId="0" fontId="7" fillId="0" borderId="40" xfId="0" applyNumberFormat="1" applyFont="1" applyBorder="1" applyAlignment="1">
      <alignment horizontal="center" vertical="center" wrapText="1"/>
    </xf>
    <xf numFmtId="0" fontId="2" fillId="3" borderId="9" xfId="0" applyFont="1" applyFill="1" applyBorder="1" applyAlignment="1">
      <alignment horizontal="left" vertical="top" wrapText="1"/>
    </xf>
    <xf numFmtId="0" fontId="2" fillId="3" borderId="29" xfId="0" applyFont="1" applyFill="1" applyBorder="1" applyAlignment="1">
      <alignment horizontal="center" vertical="top" wrapText="1"/>
    </xf>
    <xf numFmtId="0" fontId="2" fillId="3" borderId="12" xfId="0" applyFont="1" applyFill="1" applyBorder="1" applyAlignment="1">
      <alignment horizontal="center" vertical="top" wrapText="1"/>
    </xf>
    <xf numFmtId="0" fontId="2" fillId="0" borderId="11" xfId="0" applyFont="1" applyBorder="1" applyAlignment="1">
      <alignment vertical="center" wrapText="1"/>
    </xf>
    <xf numFmtId="0" fontId="2" fillId="0" borderId="15" xfId="0" applyFont="1" applyBorder="1" applyAlignment="1">
      <alignment vertical="center" wrapText="1"/>
    </xf>
    <xf numFmtId="0" fontId="10" fillId="0" borderId="0" xfId="0" applyFont="1" applyBorder="1" applyAlignment="1">
      <alignment horizontal="center" vertical="center" wrapText="1"/>
    </xf>
    <xf numFmtId="49" fontId="2" fillId="0" borderId="15" xfId="0" applyNumberFormat="1" applyFont="1" applyFill="1" applyBorder="1" applyAlignment="1">
      <alignment horizontal="center" vertical="center" wrapText="1"/>
    </xf>
    <xf numFmtId="49" fontId="4" fillId="0" borderId="11" xfId="0" applyNumberFormat="1" applyFont="1" applyFill="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8" fillId="0" borderId="0" xfId="0" applyFont="1" applyFill="1" applyAlignment="1">
      <alignment horizontal="left" vertical="center" wrapText="1"/>
    </xf>
    <xf numFmtId="49" fontId="3" fillId="2" borderId="19"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3" fillId="5" borderId="42" xfId="0" applyNumberFormat="1" applyFont="1" applyFill="1" applyBorder="1" applyAlignment="1">
      <alignment horizontal="left" vertical="center" wrapText="1"/>
    </xf>
    <xf numFmtId="49" fontId="3" fillId="2" borderId="0" xfId="0" applyNumberFormat="1" applyFont="1" applyFill="1" applyBorder="1" applyAlignment="1">
      <alignment horizontal="left" vertical="top" wrapText="1"/>
    </xf>
    <xf numFmtId="0" fontId="4" fillId="0" borderId="0" xfId="0" applyNumberFormat="1" applyFont="1" applyAlignment="1">
      <alignment horizontal="left" vertical="top" wrapText="1"/>
    </xf>
    <xf numFmtId="0" fontId="2" fillId="0" borderId="30" xfId="0" applyFont="1" applyFill="1" applyBorder="1" applyAlignment="1">
      <alignment horizontal="center" vertical="center" wrapText="1"/>
    </xf>
    <xf numFmtId="0" fontId="2" fillId="0" borderId="6" xfId="0" applyFont="1" applyBorder="1" applyAlignment="1">
      <alignment horizontal="left" vertical="center" wrapText="1"/>
    </xf>
    <xf numFmtId="49" fontId="3" fillId="5" borderId="0" xfId="0" applyNumberFormat="1" applyFont="1" applyFill="1" applyBorder="1" applyAlignment="1">
      <alignment horizontal="left" vertical="center" wrapText="1"/>
    </xf>
    <xf numFmtId="0" fontId="7" fillId="0" borderId="61" xfId="0" applyNumberFormat="1" applyFont="1" applyBorder="1" applyAlignment="1">
      <alignment horizontal="center" vertical="center" wrapText="1"/>
    </xf>
    <xf numFmtId="0" fontId="7" fillId="0" borderId="54" xfId="0" applyNumberFormat="1" applyFont="1" applyBorder="1" applyAlignment="1">
      <alignment horizontal="center" vertical="center" wrapText="1"/>
    </xf>
    <xf numFmtId="0" fontId="7" fillId="0" borderId="63" xfId="0" applyNumberFormat="1" applyFont="1" applyBorder="1" applyAlignment="1">
      <alignment horizontal="center" vertical="center" wrapText="1"/>
    </xf>
    <xf numFmtId="0" fontId="7" fillId="0" borderId="57" xfId="0" applyNumberFormat="1" applyFont="1" applyBorder="1" applyAlignment="1">
      <alignment horizontal="center" vertical="center" wrapText="1"/>
    </xf>
    <xf numFmtId="49" fontId="3" fillId="5" borderId="6" xfId="0" applyNumberFormat="1" applyFont="1" applyFill="1" applyBorder="1" applyAlignment="1">
      <alignment horizontal="left" vertical="center" wrapText="1"/>
    </xf>
    <xf numFmtId="49" fontId="15" fillId="5" borderId="25" xfId="0" applyNumberFormat="1" applyFont="1" applyFill="1" applyBorder="1" applyAlignment="1">
      <alignment horizontal="left" vertical="center" wrapText="1"/>
    </xf>
    <xf numFmtId="49" fontId="15" fillId="5" borderId="29" xfId="0" applyNumberFormat="1" applyFont="1" applyFill="1" applyBorder="1" applyAlignment="1">
      <alignment horizontal="left" vertical="center" wrapText="1"/>
    </xf>
    <xf numFmtId="0" fontId="4" fillId="0" borderId="67" xfId="0" applyFont="1" applyFill="1" applyBorder="1" applyAlignment="1">
      <alignment horizontal="left" vertical="center" wrapText="1"/>
    </xf>
    <xf numFmtId="49" fontId="3" fillId="2" borderId="19"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4" fillId="0" borderId="7" xfId="0" applyFont="1" applyBorder="1" applyAlignment="1">
      <alignment horizontal="center" vertical="center"/>
    </xf>
    <xf numFmtId="49" fontId="2" fillId="0" borderId="14" xfId="0" applyNumberFormat="1" applyFont="1" applyFill="1" applyBorder="1" applyAlignment="1">
      <alignment horizontal="center" vertical="center" wrapText="1"/>
    </xf>
    <xf numFmtId="164" fontId="7" fillId="0" borderId="7" xfId="0" applyNumberFormat="1" applyFont="1" applyBorder="1" applyAlignment="1">
      <alignment horizontal="center" vertical="center" wrapText="1"/>
    </xf>
    <xf numFmtId="0" fontId="4" fillId="0" borderId="14" xfId="0" applyFont="1" applyBorder="1" applyAlignment="1">
      <alignment horizontal="center" vertical="center"/>
    </xf>
    <xf numFmtId="0" fontId="4" fillId="0" borderId="14" xfId="0" applyFont="1" applyFill="1" applyBorder="1" applyAlignment="1">
      <alignment horizontal="center" vertical="center" wrapText="1"/>
    </xf>
    <xf numFmtId="0" fontId="7" fillId="0" borderId="14" xfId="0" applyNumberFormat="1" applyFont="1" applyFill="1" applyBorder="1" applyAlignment="1">
      <alignment horizontal="center" vertical="center"/>
    </xf>
    <xf numFmtId="164" fontId="7" fillId="0" borderId="14" xfId="0" applyNumberFormat="1" applyFont="1" applyFill="1" applyBorder="1" applyAlignment="1">
      <alignment horizontal="center" vertical="center" wrapText="1"/>
    </xf>
    <xf numFmtId="2" fontId="7" fillId="0" borderId="14" xfId="0" applyNumberFormat="1" applyFont="1" applyFill="1" applyBorder="1" applyAlignment="1">
      <alignment horizontal="center" vertical="center" wrapText="1"/>
    </xf>
    <xf numFmtId="49" fontId="2" fillId="0" borderId="26" xfId="0" applyNumberFormat="1" applyFont="1" applyFill="1" applyBorder="1" applyAlignment="1">
      <alignment horizontal="center" vertical="center" wrapText="1"/>
    </xf>
    <xf numFmtId="49" fontId="4" fillId="5" borderId="29" xfId="0" applyNumberFormat="1" applyFont="1" applyFill="1" applyBorder="1" applyAlignment="1">
      <alignment horizontal="center" vertical="center" wrapText="1"/>
    </xf>
    <xf numFmtId="49" fontId="2" fillId="0" borderId="14" xfId="0" applyNumberFormat="1" applyFont="1" applyFill="1" applyBorder="1" applyAlignment="1">
      <alignment vertical="center"/>
    </xf>
    <xf numFmtId="0" fontId="2" fillId="0" borderId="0" xfId="0" applyFont="1" applyBorder="1" applyAlignment="1">
      <alignment vertical="center" wrapText="1"/>
    </xf>
    <xf numFmtId="0" fontId="6" fillId="0" borderId="0" xfId="4" applyFont="1" applyAlignment="1">
      <alignment horizontal="left" vertical="center" wrapText="1"/>
    </xf>
    <xf numFmtId="0" fontId="3" fillId="4" borderId="0" xfId="0" applyFont="1" applyFill="1" applyBorder="1" applyAlignment="1">
      <alignment horizontal="center" vertical="center" wrapText="1"/>
    </xf>
    <xf numFmtId="0" fontId="4" fillId="6" borderId="5" xfId="0" applyFont="1" applyFill="1" applyBorder="1" applyAlignment="1">
      <alignment horizontal="left" vertical="center" wrapText="1"/>
    </xf>
    <xf numFmtId="0" fontId="4" fillId="6" borderId="6" xfId="0" applyFont="1" applyFill="1" applyBorder="1" applyAlignment="1">
      <alignment horizontal="left" vertical="center" wrapText="1"/>
    </xf>
    <xf numFmtId="0" fontId="4" fillId="6" borderId="7" xfId="0"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4" fillId="0" borderId="7" xfId="0" applyFont="1" applyFill="1" applyBorder="1" applyAlignment="1">
      <alignment horizontal="left" vertical="center" wrapText="1"/>
    </xf>
    <xf numFmtId="0" fontId="4" fillId="0" borderId="32" xfId="0" applyFont="1" applyFill="1" applyBorder="1" applyAlignment="1">
      <alignment horizontal="left" vertical="center" wrapText="1"/>
    </xf>
    <xf numFmtId="0" fontId="4" fillId="0" borderId="55" xfId="0" applyFont="1" applyFill="1" applyBorder="1" applyAlignment="1">
      <alignment horizontal="left" vertical="center" wrapText="1"/>
    </xf>
    <xf numFmtId="0" fontId="4" fillId="0" borderId="56" xfId="0" applyFont="1" applyFill="1" applyBorder="1" applyAlignment="1">
      <alignment horizontal="left" vertical="center" wrapText="1"/>
    </xf>
    <xf numFmtId="0" fontId="4" fillId="6" borderId="41" xfId="0" applyFont="1" applyFill="1" applyBorder="1" applyAlignment="1">
      <alignment horizontal="left" vertical="center" wrapText="1"/>
    </xf>
    <xf numFmtId="0" fontId="4" fillId="6" borderId="42" xfId="0" applyFont="1" applyFill="1" applyBorder="1" applyAlignment="1">
      <alignment horizontal="left" vertical="center" wrapText="1"/>
    </xf>
    <xf numFmtId="0" fontId="4" fillId="6" borderId="52" xfId="0" applyFont="1" applyFill="1" applyBorder="1" applyAlignment="1">
      <alignment horizontal="left" vertical="center" wrapText="1"/>
    </xf>
    <xf numFmtId="0" fontId="4" fillId="0" borderId="28" xfId="0" applyFont="1" applyFill="1" applyBorder="1" applyAlignment="1">
      <alignment horizontal="left" vertical="center" wrapText="1"/>
    </xf>
    <xf numFmtId="0" fontId="4" fillId="0" borderId="51" xfId="0" applyFont="1" applyFill="1" applyBorder="1" applyAlignment="1">
      <alignment horizontal="left" vertical="center" wrapText="1"/>
    </xf>
    <xf numFmtId="0" fontId="4" fillId="0" borderId="47" xfId="0" applyFont="1" applyFill="1" applyBorder="1" applyAlignment="1">
      <alignment horizontal="left" vertical="center" wrapText="1"/>
    </xf>
    <xf numFmtId="0" fontId="2" fillId="0" borderId="28" xfId="0" applyFont="1" applyFill="1" applyBorder="1" applyAlignment="1">
      <alignment horizontal="center" vertical="center" wrapText="1"/>
    </xf>
    <xf numFmtId="0" fontId="2" fillId="0" borderId="48" xfId="0" applyFont="1" applyFill="1" applyBorder="1" applyAlignment="1">
      <alignment horizontal="center" vertical="center" wrapText="1"/>
    </xf>
    <xf numFmtId="0" fontId="2" fillId="0" borderId="14" xfId="0" applyFont="1" applyFill="1" applyBorder="1" applyAlignment="1">
      <alignment horizontal="left" vertical="center" wrapText="1"/>
    </xf>
    <xf numFmtId="0" fontId="2" fillId="0" borderId="13" xfId="0" applyFont="1" applyFill="1" applyBorder="1" applyAlignment="1">
      <alignment horizontal="left" vertical="center" wrapText="1"/>
    </xf>
    <xf numFmtId="0" fontId="2" fillId="0" borderId="54" xfId="0" applyFont="1" applyFill="1" applyBorder="1" applyAlignment="1">
      <alignment horizontal="left" vertical="center" wrapText="1"/>
    </xf>
    <xf numFmtId="0" fontId="2" fillId="0" borderId="60" xfId="0" applyFont="1" applyFill="1" applyBorder="1" applyAlignment="1">
      <alignment horizontal="left" vertical="center" wrapText="1"/>
    </xf>
    <xf numFmtId="0" fontId="2" fillId="0" borderId="61" xfId="0" applyFont="1" applyFill="1" applyBorder="1" applyAlignment="1">
      <alignment horizontal="left" vertical="center" wrapText="1"/>
    </xf>
    <xf numFmtId="0" fontId="2" fillId="0" borderId="62" xfId="0" applyFont="1" applyFill="1" applyBorder="1" applyAlignment="1">
      <alignment horizontal="left" vertical="center" wrapText="1"/>
    </xf>
    <xf numFmtId="0" fontId="3" fillId="2" borderId="20" xfId="0" applyFont="1" applyFill="1" applyBorder="1" applyAlignment="1">
      <alignment horizontal="center" vertical="top" wrapText="1"/>
    </xf>
    <xf numFmtId="0" fontId="3" fillId="2" borderId="19"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44" xfId="0" applyNumberFormat="1" applyFont="1" applyFill="1" applyBorder="1" applyAlignment="1">
      <alignment horizontal="center" vertical="center" wrapText="1"/>
    </xf>
    <xf numFmtId="49" fontId="2" fillId="2" borderId="45" xfId="0" applyNumberFormat="1" applyFont="1" applyFill="1" applyBorder="1" applyAlignment="1">
      <alignment horizontal="center" vertical="center" wrapText="1"/>
    </xf>
    <xf numFmtId="0" fontId="2" fillId="0" borderId="5" xfId="0" applyFont="1" applyFill="1" applyBorder="1" applyAlignment="1">
      <alignment horizontal="center" vertical="center" wrapText="1"/>
    </xf>
    <xf numFmtId="0" fontId="2" fillId="0" borderId="26" xfId="0" applyFont="1" applyFill="1" applyBorder="1" applyAlignment="1">
      <alignment horizontal="center" vertical="center" wrapText="1"/>
    </xf>
    <xf numFmtId="49" fontId="2" fillId="5" borderId="5" xfId="0" applyNumberFormat="1" applyFont="1" applyFill="1" applyBorder="1" applyAlignment="1">
      <alignment horizontal="center" vertical="center" wrapText="1"/>
    </xf>
    <xf numFmtId="49" fontId="2" fillId="5" borderId="26" xfId="0" applyNumberFormat="1" applyFont="1" applyFill="1" applyBorder="1" applyAlignment="1">
      <alignment horizontal="center" vertical="center" wrapText="1"/>
    </xf>
    <xf numFmtId="0" fontId="7" fillId="0" borderId="0" xfId="0" applyNumberFormat="1" applyFont="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xf>
    <xf numFmtId="0" fontId="4" fillId="0" borderId="0" xfId="0" applyFont="1" applyFill="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11"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3" fillId="4" borderId="0" xfId="0" applyFont="1" applyFill="1" applyAlignment="1">
      <alignment horizontal="center" vertical="center" wrapText="1"/>
    </xf>
    <xf numFmtId="49" fontId="4" fillId="0" borderId="0" xfId="1" applyNumberFormat="1" applyFont="1" applyBorder="1" applyAlignment="1">
      <alignment horizontal="left" vertical="top" wrapText="1"/>
    </xf>
    <xf numFmtId="49" fontId="4" fillId="0" borderId="0" xfId="1" applyNumberFormat="1" applyFont="1" applyFill="1" applyBorder="1" applyAlignment="1">
      <alignment horizontal="left" vertical="top" wrapText="1"/>
    </xf>
    <xf numFmtId="49" fontId="2" fillId="0" borderId="14" xfId="0" applyNumberFormat="1" applyFont="1" applyBorder="1" applyAlignment="1">
      <alignment horizontal="left" vertical="center" wrapText="1"/>
    </xf>
    <xf numFmtId="49" fontId="2" fillId="0" borderId="13" xfId="0" applyNumberFormat="1" applyFont="1" applyBorder="1" applyAlignment="1">
      <alignment horizontal="left" vertical="center" wrapText="1"/>
    </xf>
    <xf numFmtId="0" fontId="12" fillId="0" borderId="8" xfId="0" applyFont="1" applyBorder="1" applyAlignment="1">
      <alignment horizontal="center"/>
    </xf>
    <xf numFmtId="49" fontId="2" fillId="5" borderId="14" xfId="0" applyNumberFormat="1" applyFont="1" applyFill="1" applyBorder="1" applyAlignment="1">
      <alignment horizontal="center" vertical="center" wrapText="1"/>
    </xf>
    <xf numFmtId="49" fontId="2" fillId="5" borderId="13" xfId="0" applyNumberFormat="1" applyFont="1" applyFill="1" applyBorder="1" applyAlignment="1">
      <alignment horizontal="center" vertical="center" wrapText="1"/>
    </xf>
    <xf numFmtId="0" fontId="2" fillId="0" borderId="57" xfId="0" applyFont="1" applyFill="1" applyBorder="1" applyAlignment="1">
      <alignment horizontal="left" vertical="center" wrapText="1"/>
    </xf>
    <xf numFmtId="0" fontId="2" fillId="0" borderId="65" xfId="0" applyFont="1" applyFill="1" applyBorder="1" applyAlignment="1">
      <alignment horizontal="left" vertical="center" wrapText="1"/>
    </xf>
    <xf numFmtId="0" fontId="2" fillId="0" borderId="63" xfId="0" applyFont="1" applyFill="1" applyBorder="1" applyAlignment="1">
      <alignment horizontal="left" vertical="center" wrapText="1"/>
    </xf>
    <xf numFmtId="0" fontId="2" fillId="0" borderId="64" xfId="0" applyFont="1" applyFill="1" applyBorder="1" applyAlignment="1">
      <alignment horizontal="left" vertical="center" wrapText="1"/>
    </xf>
    <xf numFmtId="49" fontId="3" fillId="5" borderId="49" xfId="0" applyNumberFormat="1" applyFont="1" applyFill="1" applyBorder="1" applyAlignment="1">
      <alignment horizontal="left" vertical="center" wrapText="1"/>
    </xf>
    <xf numFmtId="49" fontId="3" fillId="5" borderId="42" xfId="0" applyNumberFormat="1" applyFont="1" applyFill="1" applyBorder="1" applyAlignment="1">
      <alignment horizontal="left" vertical="center" wrapText="1"/>
    </xf>
    <xf numFmtId="0" fontId="4" fillId="0" borderId="33" xfId="0" applyFont="1" applyFill="1" applyBorder="1" applyAlignment="1">
      <alignment horizontal="left" vertical="center" wrapText="1"/>
    </xf>
    <xf numFmtId="0" fontId="4" fillId="0" borderId="58" xfId="0" applyFont="1" applyFill="1" applyBorder="1" applyAlignment="1">
      <alignment horizontal="left" vertical="center" wrapText="1"/>
    </xf>
    <xf numFmtId="0" fontId="4" fillId="0" borderId="59" xfId="0" applyFont="1" applyFill="1" applyBorder="1" applyAlignment="1">
      <alignment horizontal="left" vertical="center" wrapText="1"/>
    </xf>
    <xf numFmtId="0" fontId="4" fillId="0" borderId="31"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53" xfId="0" applyFont="1" applyFill="1" applyBorder="1" applyAlignment="1">
      <alignment horizontal="left" vertical="center" wrapText="1"/>
    </xf>
    <xf numFmtId="0" fontId="4" fillId="0" borderId="41" xfId="0" applyFont="1" applyFill="1" applyBorder="1" applyAlignment="1">
      <alignment horizontal="left" vertical="center" wrapText="1"/>
    </xf>
    <xf numFmtId="0" fontId="4" fillId="0" borderId="42" xfId="0" applyFont="1" applyFill="1" applyBorder="1" applyAlignment="1">
      <alignment horizontal="left" vertical="center" wrapText="1"/>
    </xf>
    <xf numFmtId="0" fontId="4" fillId="0" borderId="52" xfId="0" applyFont="1" applyFill="1" applyBorder="1" applyAlignment="1">
      <alignment horizontal="left" vertical="center" wrapText="1"/>
    </xf>
    <xf numFmtId="49" fontId="15" fillId="5" borderId="1" xfId="0" applyNumberFormat="1" applyFont="1" applyFill="1" applyBorder="1" applyAlignment="1">
      <alignment horizontal="left" vertical="center" wrapText="1"/>
    </xf>
    <xf numFmtId="49" fontId="15" fillId="5" borderId="19" xfId="0" applyNumberFormat="1"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9" xfId="0" applyNumberFormat="1" applyFont="1" applyFill="1" applyBorder="1" applyAlignment="1">
      <alignment horizontal="left" vertical="top" wrapText="1"/>
    </xf>
    <xf numFmtId="49" fontId="3" fillId="2" borderId="17"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2" borderId="24"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0" borderId="14" xfId="0" applyNumberFormat="1" applyFont="1" applyFill="1" applyBorder="1" applyAlignment="1">
      <alignment horizontal="left" vertical="center" wrapText="1"/>
    </xf>
    <xf numFmtId="49" fontId="2" fillId="0" borderId="13" xfId="0" applyNumberFormat="1" applyFont="1" applyFill="1" applyBorder="1" applyAlignment="1">
      <alignment horizontal="left" vertical="center" wrapText="1"/>
    </xf>
    <xf numFmtId="49" fontId="5" fillId="5" borderId="20" xfId="0" applyNumberFormat="1" applyFont="1" applyFill="1" applyBorder="1" applyAlignment="1">
      <alignment horizontal="center" vertical="center" wrapText="1"/>
    </xf>
    <xf numFmtId="49" fontId="5" fillId="5" borderId="19" xfId="0" applyNumberFormat="1" applyFont="1" applyFill="1" applyBorder="1" applyAlignment="1">
      <alignment horizontal="center" vertical="center" wrapText="1"/>
    </xf>
    <xf numFmtId="49" fontId="5" fillId="5" borderId="2" xfId="0" applyNumberFormat="1" applyFont="1" applyFill="1" applyBorder="1" applyAlignment="1">
      <alignment horizontal="center" vertical="center" wrapText="1"/>
    </xf>
    <xf numFmtId="49" fontId="5" fillId="5" borderId="41" xfId="0" applyNumberFormat="1" applyFont="1" applyFill="1" applyBorder="1" applyAlignment="1">
      <alignment horizontal="center" vertical="center" wrapText="1"/>
    </xf>
    <xf numFmtId="49" fontId="5" fillId="5" borderId="42" xfId="0" applyNumberFormat="1" applyFont="1" applyFill="1" applyBorder="1" applyAlignment="1">
      <alignment horizontal="center" vertical="center" wrapText="1"/>
    </xf>
    <xf numFmtId="49" fontId="5" fillId="5" borderId="50" xfId="0" applyNumberFormat="1" applyFont="1" applyFill="1" applyBorder="1" applyAlignment="1">
      <alignment horizontal="center" vertical="center" wrapText="1"/>
    </xf>
    <xf numFmtId="49" fontId="3" fillId="2" borderId="16" xfId="0" applyNumberFormat="1" applyFont="1" applyFill="1" applyBorder="1" applyAlignment="1">
      <alignment horizontal="left" vertical="top" wrapText="1"/>
    </xf>
    <xf numFmtId="49" fontId="3" fillId="2" borderId="0" xfId="0" applyNumberFormat="1" applyFont="1" applyFill="1" applyBorder="1" applyAlignment="1">
      <alignment horizontal="left" vertical="top"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49" fontId="2" fillId="2" borderId="22" xfId="0" applyNumberFormat="1" applyFont="1" applyFill="1" applyBorder="1" applyAlignment="1">
      <alignment horizontal="center" vertical="center" wrapText="1"/>
    </xf>
    <xf numFmtId="49" fontId="2" fillId="2" borderId="23"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25" xfId="0" applyFont="1" applyFill="1" applyBorder="1" applyAlignment="1">
      <alignment horizontal="left" vertical="top" wrapText="1"/>
    </xf>
    <xf numFmtId="0" fontId="2" fillId="3" borderId="18" xfId="0" applyFont="1" applyFill="1" applyBorder="1" applyAlignment="1">
      <alignment horizontal="left" vertical="top" wrapText="1"/>
    </xf>
    <xf numFmtId="0" fontId="2" fillId="3" borderId="46" xfId="0" applyFont="1" applyFill="1" applyBorder="1" applyAlignment="1">
      <alignment horizontal="left" vertical="top" wrapText="1"/>
    </xf>
    <xf numFmtId="0" fontId="2" fillId="0" borderId="5" xfId="0" applyFont="1" applyBorder="1" applyAlignment="1">
      <alignment horizontal="left" vertical="center" wrapText="1"/>
    </xf>
    <xf numFmtId="0" fontId="2" fillId="0" borderId="6" xfId="0" applyFont="1" applyBorder="1" applyAlignment="1">
      <alignment horizontal="left" vertical="center" wrapText="1"/>
    </xf>
    <xf numFmtId="0" fontId="2" fillId="0" borderId="7" xfId="0" applyFont="1" applyBorder="1" applyAlignment="1">
      <alignment horizontal="left" vertical="center" wrapText="1"/>
    </xf>
    <xf numFmtId="0" fontId="2" fillId="0" borderId="28" xfId="0" applyFont="1" applyBorder="1" applyAlignment="1">
      <alignment horizontal="left" vertical="center" wrapText="1"/>
    </xf>
    <xf numFmtId="0" fontId="2" fillId="0" borderId="51" xfId="0" applyFont="1" applyBorder="1" applyAlignment="1">
      <alignment horizontal="left" vertical="center" wrapText="1"/>
    </xf>
    <xf numFmtId="0" fontId="2" fillId="0" borderId="47" xfId="0" applyFont="1" applyBorder="1" applyAlignment="1">
      <alignment horizontal="left" vertical="center" wrapText="1"/>
    </xf>
    <xf numFmtId="0" fontId="2" fillId="0" borderId="40" xfId="0" applyFont="1" applyFill="1" applyBorder="1" applyAlignment="1">
      <alignment horizontal="left" vertical="center" wrapText="1"/>
    </xf>
    <xf numFmtId="0" fontId="2" fillId="0" borderId="66" xfId="0" applyFont="1" applyFill="1" applyBorder="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4" fillId="0" borderId="0" xfId="0" applyFont="1" applyFill="1" applyAlignment="1">
      <alignment horizontal="left" vertical="center" wrapText="1"/>
    </xf>
    <xf numFmtId="0" fontId="5" fillId="0" borderId="0" xfId="0" applyFont="1" applyFill="1" applyAlignment="1">
      <alignment horizontal="left" vertical="center" wrapText="1"/>
    </xf>
    <xf numFmtId="49" fontId="3" fillId="5" borderId="39" xfId="0" applyNumberFormat="1" applyFont="1" applyFill="1" applyBorder="1" applyAlignment="1">
      <alignment horizontal="left" vertical="center" wrapText="1"/>
    </xf>
    <xf numFmtId="49" fontId="3" fillId="5" borderId="6" xfId="0" applyNumberFormat="1" applyFont="1" applyFill="1" applyBorder="1" applyAlignment="1">
      <alignment horizontal="left" vertical="center" wrapText="1"/>
    </xf>
    <xf numFmtId="0" fontId="4" fillId="0" borderId="25" xfId="0" applyFont="1" applyFill="1" applyBorder="1" applyAlignment="1">
      <alignment horizontal="left" vertical="center" wrapText="1"/>
    </xf>
    <xf numFmtId="0" fontId="4" fillId="0" borderId="18" xfId="0" applyFont="1" applyFill="1" applyBorder="1" applyAlignment="1">
      <alignment horizontal="left" vertical="center" wrapText="1"/>
    </xf>
    <xf numFmtId="0" fontId="4" fillId="0" borderId="46"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2" fillId="0" borderId="68" xfId="0" applyFont="1" applyFill="1" applyBorder="1" applyAlignment="1">
      <alignment horizontal="left" vertical="center" wrapText="1"/>
    </xf>
    <xf numFmtId="49" fontId="2" fillId="0" borderId="5" xfId="0" applyNumberFormat="1" applyFont="1" applyFill="1" applyBorder="1" applyAlignment="1">
      <alignment horizontal="center" vertical="center"/>
    </xf>
    <xf numFmtId="49" fontId="2" fillId="0" borderId="26" xfId="0" applyNumberFormat="1" applyFont="1" applyFill="1" applyBorder="1" applyAlignment="1">
      <alignment horizontal="center" vertical="center"/>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49" fontId="2" fillId="0" borderId="5" xfId="0" applyNumberFormat="1" applyFont="1" applyFill="1" applyBorder="1" applyAlignment="1">
      <alignment horizontal="center" vertical="center" wrapText="1"/>
    </xf>
    <xf numFmtId="49" fontId="2" fillId="0" borderId="26" xfId="0" applyNumberFormat="1" applyFont="1" applyFill="1" applyBorder="1" applyAlignment="1">
      <alignment horizontal="center" vertical="center" wrapText="1"/>
    </xf>
    <xf numFmtId="49" fontId="2" fillId="0" borderId="39" xfId="0" applyNumberFormat="1" applyFont="1" applyFill="1" applyBorder="1" applyAlignment="1">
      <alignment horizontal="center" vertical="center" wrapText="1"/>
    </xf>
    <xf numFmtId="0" fontId="4" fillId="0" borderId="5" xfId="0" applyFont="1" applyFill="1" applyBorder="1" applyAlignment="1">
      <alignment horizontal="center" vertical="center" wrapText="1"/>
    </xf>
    <xf numFmtId="0" fontId="4" fillId="0" borderId="6" xfId="0" applyFont="1" applyFill="1" applyBorder="1" applyAlignment="1">
      <alignment horizontal="center" vertical="center" wrapText="1"/>
    </xf>
    <xf numFmtId="0" fontId="4" fillId="0" borderId="7" xfId="0" applyFont="1" applyFill="1" applyBorder="1" applyAlignment="1">
      <alignment horizontal="center" vertical="center" wrapText="1"/>
    </xf>
    <xf numFmtId="49" fontId="2" fillId="0" borderId="6" xfId="0" applyNumberFormat="1" applyFont="1" applyFill="1" applyBorder="1" applyAlignment="1">
      <alignment horizontal="center" vertical="center"/>
    </xf>
    <xf numFmtId="49" fontId="2" fillId="0" borderId="7" xfId="0" applyNumberFormat="1" applyFont="1" applyFill="1" applyBorder="1" applyAlignment="1">
      <alignment horizontal="center" vertical="center"/>
    </xf>
    <xf numFmtId="49" fontId="4" fillId="5" borderId="5" xfId="0" applyNumberFormat="1" applyFont="1" applyFill="1" applyBorder="1" applyAlignment="1">
      <alignment horizontal="center" vertical="center" wrapText="1"/>
    </xf>
    <xf numFmtId="49" fontId="4" fillId="5" borderId="26" xfId="0" applyNumberFormat="1" applyFont="1" applyFill="1" applyBorder="1" applyAlignment="1">
      <alignment horizontal="center" vertical="center" wrapText="1"/>
    </xf>
    <xf numFmtId="49" fontId="3" fillId="5" borderId="39" xfId="0" applyNumberFormat="1" applyFont="1" applyFill="1" applyBorder="1" applyAlignment="1">
      <alignment horizontal="left" vertical="center"/>
    </xf>
    <xf numFmtId="49" fontId="3" fillId="5" borderId="6" xfId="0" applyNumberFormat="1" applyFont="1" applyFill="1" applyBorder="1" applyAlignment="1">
      <alignment horizontal="left" vertical="center"/>
    </xf>
    <xf numFmtId="49" fontId="3" fillId="5" borderId="7" xfId="0" applyNumberFormat="1" applyFont="1" applyFill="1" applyBorder="1" applyAlignment="1">
      <alignment horizontal="left" vertical="center"/>
    </xf>
    <xf numFmtId="49" fontId="3" fillId="5" borderId="49" xfId="0" applyNumberFormat="1" applyFont="1" applyFill="1" applyBorder="1" applyAlignment="1">
      <alignment horizontal="left" vertical="center"/>
    </xf>
    <xf numFmtId="49" fontId="3" fillId="5" borderId="42" xfId="0" applyNumberFormat="1" applyFont="1" applyFill="1" applyBorder="1" applyAlignment="1">
      <alignment horizontal="left" vertical="center"/>
    </xf>
    <xf numFmtId="49" fontId="3" fillId="5" borderId="52" xfId="0" applyNumberFormat="1" applyFont="1" applyFill="1" applyBorder="1" applyAlignment="1">
      <alignment horizontal="left" vertical="center"/>
    </xf>
    <xf numFmtId="0" fontId="4" fillId="0" borderId="5" xfId="0" applyFont="1" applyBorder="1" applyAlignment="1">
      <alignment horizontal="center" vertical="center"/>
    </xf>
    <xf numFmtId="0" fontId="4" fillId="0" borderId="6" xfId="0" applyFont="1" applyBorder="1" applyAlignment="1">
      <alignment horizontal="center" vertical="center"/>
    </xf>
    <xf numFmtId="0" fontId="4" fillId="0" borderId="7" xfId="0" applyFont="1" applyBorder="1" applyAlignment="1">
      <alignment horizontal="center" vertical="center"/>
    </xf>
    <xf numFmtId="0" fontId="4" fillId="6" borderId="5" xfId="0" applyFont="1" applyFill="1" applyBorder="1" applyAlignment="1">
      <alignment horizontal="center" vertical="center" wrapText="1"/>
    </xf>
    <xf numFmtId="0" fontId="4" fillId="6" borderId="6" xfId="0" applyFont="1" applyFill="1" applyBorder="1" applyAlignment="1">
      <alignment horizontal="center" vertical="center" wrapText="1"/>
    </xf>
    <xf numFmtId="0" fontId="4" fillId="6" borderId="7" xfId="0" applyFont="1" applyFill="1" applyBorder="1" applyAlignment="1">
      <alignment horizontal="center" vertical="center" wrapText="1"/>
    </xf>
    <xf numFmtId="3" fontId="4" fillId="0" borderId="69" xfId="0" applyNumberFormat="1" applyFont="1" applyFill="1" applyBorder="1" applyAlignment="1">
      <alignment horizontal="right" vertical="center" wrapText="1"/>
    </xf>
    <xf numFmtId="3" fontId="4" fillId="0" borderId="70" xfId="0" applyNumberFormat="1" applyFont="1" applyFill="1" applyBorder="1" applyAlignment="1">
      <alignment horizontal="right" vertical="center" wrapText="1"/>
    </xf>
    <xf numFmtId="0" fontId="3" fillId="0" borderId="5" xfId="0" applyFont="1" applyFill="1" applyBorder="1" applyAlignment="1">
      <alignment horizontal="left" vertical="center" wrapText="1"/>
    </xf>
    <xf numFmtId="0" fontId="3" fillId="0" borderId="6" xfId="0" applyFont="1" applyFill="1" applyBorder="1" applyAlignment="1">
      <alignment horizontal="left" vertical="center" wrapText="1"/>
    </xf>
    <xf numFmtId="0" fontId="3" fillId="0" borderId="7"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51" xfId="0" applyFont="1" applyFill="1" applyBorder="1" applyAlignment="1">
      <alignment horizontal="left" vertical="center" wrapText="1"/>
    </xf>
    <xf numFmtId="0" fontId="2" fillId="0" borderId="47" xfId="0" applyFont="1" applyFill="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2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4</xdr:row>
          <xdr:rowOff>0</xdr:rowOff>
        </xdr:from>
        <xdr:to>
          <xdr:col>0</xdr:col>
          <xdr:colOff>885825</xdr:colOff>
          <xdr:row>24</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5</xdr:row>
          <xdr:rowOff>9525</xdr:rowOff>
        </xdr:from>
        <xdr:to>
          <xdr:col>0</xdr:col>
          <xdr:colOff>885825</xdr:colOff>
          <xdr:row>25</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40</xdr:row>
          <xdr:rowOff>9525</xdr:rowOff>
        </xdr:from>
        <xdr:to>
          <xdr:col>0</xdr:col>
          <xdr:colOff>885825</xdr:colOff>
          <xdr:row>4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41</xdr:row>
          <xdr:rowOff>0</xdr:rowOff>
        </xdr:from>
        <xdr:to>
          <xdr:col>0</xdr:col>
          <xdr:colOff>885825</xdr:colOff>
          <xdr:row>4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5</xdr:col>
      <xdr:colOff>28575</xdr:colOff>
      <xdr:row>47</xdr:row>
      <xdr:rowOff>66675</xdr:rowOff>
    </xdr:from>
    <xdr:to>
      <xdr:col>8</xdr:col>
      <xdr:colOff>0</xdr:colOff>
      <xdr:row>48</xdr:row>
      <xdr:rowOff>295275</xdr:rowOff>
    </xdr:to>
    <xdr:cxnSp macro="">
      <xdr:nvCxnSpPr>
        <xdr:cNvPr id="5" name="Rovná spojnica 4"/>
        <xdr:cNvCxnSpPr/>
      </xdr:nvCxnSpPr>
      <xdr:spPr>
        <a:xfrm flipV="1">
          <a:off x="8772525" y="13668375"/>
          <a:ext cx="3295650" cy="542925"/>
        </a:xfrm>
        <a:prstGeom prst="line">
          <a:avLst/>
        </a:prstGeom>
      </xdr:spPr>
      <xdr:style>
        <a:lnRef idx="1">
          <a:schemeClr val="dk1"/>
        </a:lnRef>
        <a:fillRef idx="0">
          <a:schemeClr val="dk1"/>
        </a:fillRef>
        <a:effectRef idx="0">
          <a:schemeClr val="dk1"/>
        </a:effectRef>
        <a:fontRef idx="minor">
          <a:schemeClr val="tx1"/>
        </a:fontRef>
      </xdr:style>
    </xdr:cxnSp>
    <xdr:clientData/>
  </xdr:twoCellAnchor>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K203"/>
  <sheetViews>
    <sheetView showGridLines="0" tabSelected="1" zoomScaleNormal="100" workbookViewId="0">
      <selection activeCell="A9" sqref="A9:H9"/>
    </sheetView>
  </sheetViews>
  <sheetFormatPr defaultRowHeight="12.75" x14ac:dyDescent="0.2"/>
  <cols>
    <col min="1" max="1" width="13.5703125" style="1" customWidth="1"/>
    <col min="2" max="2" width="70.42578125" style="1" customWidth="1"/>
    <col min="3" max="3" width="15.7109375" style="1" customWidth="1"/>
    <col min="4" max="4" width="16" style="1" customWidth="1"/>
    <col min="5" max="5" width="15.7109375" style="1" customWidth="1"/>
    <col min="6" max="6" width="16.42578125" style="8" customWidth="1"/>
    <col min="7" max="7" width="13.7109375" style="8" customWidth="1"/>
    <col min="8" max="8" width="19.7109375" style="2" customWidth="1"/>
    <col min="9" max="9" width="17.140625" style="1" customWidth="1"/>
    <col min="10" max="10" width="9.140625" style="1"/>
    <col min="11" max="11" width="9.140625" style="1" customWidth="1"/>
    <col min="12" max="16384" width="9.140625" style="1"/>
  </cols>
  <sheetData>
    <row r="1" spans="1:8" ht="24" customHeight="1" x14ac:dyDescent="0.2">
      <c r="A1" s="155" t="s">
        <v>47</v>
      </c>
      <c r="B1" s="155"/>
      <c r="C1" s="155"/>
      <c r="D1" s="155"/>
      <c r="E1" s="155"/>
      <c r="F1" s="155"/>
      <c r="G1" s="155"/>
      <c r="H1" s="155"/>
    </row>
    <row r="2" spans="1:8" ht="27.75" customHeight="1" x14ac:dyDescent="0.2">
      <c r="A2" s="154" t="s">
        <v>45</v>
      </c>
      <c r="B2" s="154"/>
      <c r="C2" s="154"/>
      <c r="D2" s="154"/>
      <c r="E2" s="154"/>
      <c r="F2" s="154"/>
      <c r="G2" s="154"/>
      <c r="H2" s="154"/>
    </row>
    <row r="3" spans="1:8" ht="54.75" customHeight="1" x14ac:dyDescent="0.2">
      <c r="A3" s="204" t="s">
        <v>51</v>
      </c>
      <c r="B3" s="204"/>
      <c r="C3" s="204"/>
      <c r="D3" s="204"/>
      <c r="E3" s="204"/>
      <c r="F3" s="204"/>
      <c r="G3" s="204"/>
      <c r="H3" s="204"/>
    </row>
    <row r="4" spans="1:8" ht="24.95" customHeight="1" x14ac:dyDescent="0.2">
      <c r="A4" s="40" t="s">
        <v>50</v>
      </c>
      <c r="B4" s="68"/>
      <c r="C4" s="86"/>
      <c r="D4" s="86"/>
      <c r="E4" s="86"/>
      <c r="F4" s="37"/>
      <c r="G4" s="37"/>
      <c r="H4" s="37"/>
    </row>
    <row r="5" spans="1:8" ht="24.95" customHeight="1" x14ac:dyDescent="0.2">
      <c r="A5" s="40" t="s">
        <v>48</v>
      </c>
      <c r="B5" s="69"/>
      <c r="C5" s="87"/>
      <c r="D5" s="87"/>
      <c r="E5" s="87"/>
      <c r="F5" s="37"/>
      <c r="G5" s="37"/>
      <c r="H5" s="37"/>
    </row>
    <row r="6" spans="1:8" ht="5.0999999999999996" customHeight="1" x14ac:dyDescent="0.2">
      <c r="A6" s="37"/>
      <c r="B6" s="37"/>
      <c r="C6" s="37"/>
      <c r="D6" s="37"/>
      <c r="E6" s="37"/>
      <c r="F6" s="37"/>
      <c r="G6" s="37"/>
      <c r="H6" s="37"/>
    </row>
    <row r="7" spans="1:8" s="2" customFormat="1" ht="20.100000000000001" customHeight="1" x14ac:dyDescent="0.25">
      <c r="A7" s="162" t="s">
        <v>4</v>
      </c>
      <c r="B7" s="162"/>
      <c r="C7" s="162"/>
      <c r="D7" s="162"/>
      <c r="E7" s="162"/>
      <c r="F7" s="162"/>
      <c r="G7" s="162"/>
      <c r="H7" s="162"/>
    </row>
    <row r="8" spans="1:8" s="2" customFormat="1" ht="20.100000000000001" customHeight="1" x14ac:dyDescent="0.25">
      <c r="A8" s="205" t="s">
        <v>8</v>
      </c>
      <c r="B8" s="205"/>
      <c r="C8" s="205"/>
      <c r="D8" s="205"/>
      <c r="E8" s="205"/>
      <c r="F8" s="205"/>
      <c r="G8" s="205"/>
      <c r="H8" s="205"/>
    </row>
    <row r="9" spans="1:8" ht="24.95" customHeight="1" x14ac:dyDescent="0.2">
      <c r="A9" s="206" t="s">
        <v>98</v>
      </c>
      <c r="B9" s="206"/>
      <c r="C9" s="206"/>
      <c r="D9" s="206"/>
      <c r="E9" s="206"/>
      <c r="F9" s="206"/>
      <c r="G9" s="206"/>
      <c r="H9" s="206"/>
    </row>
    <row r="10" spans="1:8" ht="4.5" customHeight="1" x14ac:dyDescent="0.2">
      <c r="A10" s="39"/>
      <c r="B10" s="39"/>
      <c r="C10" s="93"/>
      <c r="D10" s="93"/>
      <c r="E10" s="93"/>
      <c r="F10" s="39"/>
      <c r="G10" s="39"/>
      <c r="H10" s="39"/>
    </row>
    <row r="11" spans="1:8" s="2" customFormat="1" ht="20.100000000000001" customHeight="1" x14ac:dyDescent="0.25">
      <c r="A11" s="207" t="s">
        <v>9</v>
      </c>
      <c r="B11" s="207"/>
      <c r="C11" s="207"/>
      <c r="D11" s="207"/>
      <c r="E11" s="207"/>
      <c r="F11" s="207"/>
      <c r="G11" s="207"/>
      <c r="H11" s="207"/>
    </row>
    <row r="12" spans="1:8" s="2" customFormat="1" ht="24.95" customHeight="1" x14ac:dyDescent="0.2">
      <c r="A12" s="156" t="s">
        <v>99</v>
      </c>
      <c r="B12" s="156"/>
      <c r="C12" s="156"/>
      <c r="D12" s="156"/>
      <c r="E12" s="156"/>
      <c r="F12" s="156"/>
      <c r="G12" s="15"/>
      <c r="H12" s="15"/>
    </row>
    <row r="13" spans="1:8" s="2" customFormat="1" ht="24.95" customHeight="1" x14ac:dyDescent="0.2">
      <c r="A13" s="156" t="s">
        <v>100</v>
      </c>
      <c r="B13" s="156"/>
      <c r="C13" s="156"/>
      <c r="D13" s="156"/>
      <c r="E13" s="156"/>
      <c r="F13" s="156"/>
      <c r="G13" s="15"/>
      <c r="H13" s="15"/>
    </row>
    <row r="14" spans="1:8" s="3" customFormat="1" ht="20.100000000000001" customHeight="1" x14ac:dyDescent="0.25">
      <c r="A14" s="156" t="s">
        <v>25</v>
      </c>
      <c r="B14" s="156"/>
      <c r="C14" s="156"/>
      <c r="D14" s="156"/>
      <c r="E14" s="156"/>
      <c r="F14" s="156"/>
      <c r="G14" s="18"/>
      <c r="H14" s="19"/>
    </row>
    <row r="15" spans="1:8" ht="4.5" customHeight="1" x14ac:dyDescent="0.2">
      <c r="A15" s="39"/>
      <c r="B15" s="39"/>
      <c r="C15" s="93"/>
      <c r="D15" s="93"/>
      <c r="E15" s="93"/>
      <c r="F15" s="39"/>
      <c r="G15" s="39"/>
      <c r="H15" s="39"/>
    </row>
    <row r="16" spans="1:8" ht="20.100000000000001" customHeight="1" x14ac:dyDescent="0.2">
      <c r="A16" s="38" t="s">
        <v>10</v>
      </c>
      <c r="B16" s="20"/>
      <c r="C16" s="20"/>
      <c r="D16" s="20"/>
      <c r="E16" s="20"/>
      <c r="F16" s="20"/>
      <c r="G16" s="21"/>
      <c r="H16" s="21"/>
    </row>
    <row r="17" spans="1:8" s="3" customFormat="1" ht="24.95" customHeight="1" x14ac:dyDescent="0.25">
      <c r="A17" s="222" t="s">
        <v>74</v>
      </c>
      <c r="B17" s="222"/>
      <c r="C17" s="222"/>
      <c r="D17" s="222"/>
      <c r="E17" s="222"/>
      <c r="F17" s="222"/>
      <c r="G17" s="18"/>
      <c r="H17" s="19"/>
    </row>
    <row r="18" spans="1:8" ht="5.0999999999999996" customHeight="1" x14ac:dyDescent="0.2">
      <c r="A18" s="223"/>
      <c r="B18" s="223"/>
      <c r="C18" s="223"/>
      <c r="D18" s="223"/>
      <c r="E18" s="223"/>
      <c r="F18" s="223"/>
      <c r="H18" s="16"/>
    </row>
    <row r="19" spans="1:8" s="2" customFormat="1" ht="20.100000000000001" customHeight="1" x14ac:dyDescent="0.25">
      <c r="A19" s="162" t="s">
        <v>22</v>
      </c>
      <c r="B19" s="162"/>
      <c r="C19" s="162"/>
      <c r="D19" s="162"/>
      <c r="E19" s="162"/>
      <c r="F19" s="162"/>
      <c r="G19" s="162"/>
      <c r="H19" s="162"/>
    </row>
    <row r="20" spans="1:8" s="2" customFormat="1" ht="33.75" customHeight="1" x14ac:dyDescent="0.25">
      <c r="A20" s="224" t="s">
        <v>146</v>
      </c>
      <c r="B20" s="225"/>
      <c r="C20" s="225"/>
      <c r="D20" s="225"/>
      <c r="E20" s="225"/>
      <c r="F20" s="225"/>
      <c r="G20" s="225"/>
      <c r="H20" s="225"/>
    </row>
    <row r="21" spans="1:8" ht="5.0999999999999996" customHeight="1" x14ac:dyDescent="0.2">
      <c r="A21" s="223"/>
      <c r="B21" s="223"/>
      <c r="C21" s="223"/>
      <c r="D21" s="223"/>
      <c r="E21" s="223"/>
      <c r="F21" s="223"/>
      <c r="H21" s="16"/>
    </row>
    <row r="22" spans="1:8" s="2" customFormat="1" ht="20.100000000000001" customHeight="1" x14ac:dyDescent="0.25">
      <c r="A22" s="162" t="s">
        <v>23</v>
      </c>
      <c r="B22" s="162"/>
      <c r="C22" s="162"/>
      <c r="D22" s="162"/>
      <c r="E22" s="162"/>
      <c r="F22" s="162"/>
      <c r="G22" s="162"/>
      <c r="H22" s="162"/>
    </row>
    <row r="23" spans="1:8" s="9" customFormat="1" ht="20.100000000000001" customHeight="1" x14ac:dyDescent="0.25">
      <c r="A23" s="210" t="s">
        <v>5</v>
      </c>
      <c r="B23" s="210"/>
      <c r="C23" s="210"/>
      <c r="D23" s="210"/>
      <c r="E23" s="210"/>
      <c r="F23" s="210"/>
      <c r="G23" s="210"/>
      <c r="H23" s="210"/>
    </row>
    <row r="24" spans="1:8" s="9" customFormat="1" ht="20.100000000000001" customHeight="1" x14ac:dyDescent="0.25">
      <c r="A24" s="157" t="s">
        <v>16</v>
      </c>
      <c r="B24" s="158"/>
      <c r="C24" s="88"/>
      <c r="D24" s="88"/>
      <c r="E24" s="88"/>
      <c r="F24" s="14"/>
      <c r="G24" s="14"/>
      <c r="H24" s="14"/>
    </row>
    <row r="25" spans="1:8" s="9" customFormat="1" ht="20.100000000000001" customHeight="1" x14ac:dyDescent="0.25">
      <c r="A25" s="13"/>
      <c r="B25" s="13" t="s">
        <v>20</v>
      </c>
      <c r="C25" s="13"/>
      <c r="D25" s="13"/>
      <c r="E25" s="13"/>
      <c r="F25" s="14"/>
      <c r="G25" s="14"/>
      <c r="H25" s="14"/>
    </row>
    <row r="26" spans="1:8" s="9" customFormat="1" ht="20.100000000000001" customHeight="1" x14ac:dyDescent="0.25">
      <c r="A26" s="13"/>
      <c r="B26" s="13" t="s">
        <v>21</v>
      </c>
      <c r="C26" s="13"/>
      <c r="D26" s="13"/>
      <c r="E26" s="13"/>
      <c r="F26" s="14"/>
      <c r="G26" s="14"/>
      <c r="H26" s="14"/>
    </row>
    <row r="27" spans="1:8" s="9" customFormat="1" ht="20.100000000000001" customHeight="1" thickBot="1" x14ac:dyDescent="0.3">
      <c r="A27" s="157" t="s">
        <v>17</v>
      </c>
      <c r="B27" s="158"/>
      <c r="C27" s="88"/>
      <c r="D27" s="88"/>
      <c r="E27" s="88"/>
      <c r="F27" s="14"/>
      <c r="G27" s="14"/>
      <c r="H27" s="14"/>
    </row>
    <row r="28" spans="1:8" s="9" customFormat="1" ht="43.5" customHeight="1" x14ac:dyDescent="0.25">
      <c r="A28" s="78" t="s">
        <v>18</v>
      </c>
      <c r="B28" s="211" t="s">
        <v>12</v>
      </c>
      <c r="C28" s="212"/>
      <c r="D28" s="212"/>
      <c r="E28" s="212"/>
      <c r="F28" s="213"/>
      <c r="G28" s="79" t="s">
        <v>11</v>
      </c>
      <c r="H28" s="80" t="s">
        <v>203</v>
      </c>
    </row>
    <row r="29" spans="1:8" s="9" customFormat="1" ht="24.95" customHeight="1" x14ac:dyDescent="0.25">
      <c r="A29" s="81" t="s">
        <v>1</v>
      </c>
      <c r="B29" s="214" t="s">
        <v>110</v>
      </c>
      <c r="C29" s="215"/>
      <c r="D29" s="215"/>
      <c r="E29" s="215"/>
      <c r="F29" s="216"/>
      <c r="G29" s="17" t="s">
        <v>0</v>
      </c>
      <c r="H29" s="259">
        <v>25000</v>
      </c>
    </row>
    <row r="30" spans="1:8" s="9" customFormat="1" ht="24.95" customHeight="1" x14ac:dyDescent="0.25">
      <c r="A30" s="81" t="s">
        <v>77</v>
      </c>
      <c r="B30" s="70" t="s">
        <v>111</v>
      </c>
      <c r="C30" s="95"/>
      <c r="D30" s="95"/>
      <c r="E30" s="95"/>
      <c r="F30" s="71"/>
      <c r="G30" s="17" t="s">
        <v>0</v>
      </c>
      <c r="H30" s="259">
        <v>3000</v>
      </c>
    </row>
    <row r="31" spans="1:8" s="9" customFormat="1" ht="24.95" customHeight="1" x14ac:dyDescent="0.25">
      <c r="A31" s="81" t="s">
        <v>101</v>
      </c>
      <c r="B31" s="70" t="s">
        <v>112</v>
      </c>
      <c r="C31" s="95"/>
      <c r="D31" s="95"/>
      <c r="E31" s="95"/>
      <c r="F31" s="71"/>
      <c r="G31" s="17" t="s">
        <v>0</v>
      </c>
      <c r="H31" s="259">
        <v>6500</v>
      </c>
    </row>
    <row r="32" spans="1:8" s="9" customFormat="1" ht="24.95" customHeight="1" x14ac:dyDescent="0.25">
      <c r="A32" s="81" t="s">
        <v>102</v>
      </c>
      <c r="B32" s="70" t="s">
        <v>113</v>
      </c>
      <c r="C32" s="95"/>
      <c r="D32" s="95"/>
      <c r="E32" s="95"/>
      <c r="F32" s="71"/>
      <c r="G32" s="17" t="s">
        <v>0</v>
      </c>
      <c r="H32" s="259">
        <v>70000</v>
      </c>
    </row>
    <row r="33" spans="1:9" s="9" customFormat="1" ht="24.95" customHeight="1" x14ac:dyDescent="0.25">
      <c r="A33" s="81" t="s">
        <v>103</v>
      </c>
      <c r="B33" s="70" t="s">
        <v>114</v>
      </c>
      <c r="C33" s="95"/>
      <c r="D33" s="95"/>
      <c r="E33" s="95"/>
      <c r="F33" s="71"/>
      <c r="G33" s="17" t="s">
        <v>0</v>
      </c>
      <c r="H33" s="259">
        <v>22000</v>
      </c>
    </row>
    <row r="34" spans="1:9" s="9" customFormat="1" ht="24.95" customHeight="1" x14ac:dyDescent="0.25">
      <c r="A34" s="81" t="s">
        <v>104</v>
      </c>
      <c r="B34" s="70" t="s">
        <v>115</v>
      </c>
      <c r="C34" s="95"/>
      <c r="D34" s="95"/>
      <c r="E34" s="95"/>
      <c r="F34" s="71"/>
      <c r="G34" s="17" t="s">
        <v>0</v>
      </c>
      <c r="H34" s="259">
        <v>13000</v>
      </c>
    </row>
    <row r="35" spans="1:9" s="9" customFormat="1" ht="24.95" customHeight="1" x14ac:dyDescent="0.25">
      <c r="A35" s="81" t="s">
        <v>105</v>
      </c>
      <c r="B35" s="70" t="s">
        <v>116</v>
      </c>
      <c r="C35" s="95"/>
      <c r="D35" s="95"/>
      <c r="E35" s="95"/>
      <c r="F35" s="71"/>
      <c r="G35" s="17" t="s">
        <v>0</v>
      </c>
      <c r="H35" s="259">
        <v>120000</v>
      </c>
    </row>
    <row r="36" spans="1:9" s="9" customFormat="1" ht="24.95" customHeight="1" x14ac:dyDescent="0.25">
      <c r="A36" s="81" t="s">
        <v>106</v>
      </c>
      <c r="B36" s="70" t="s">
        <v>117</v>
      </c>
      <c r="C36" s="95"/>
      <c r="D36" s="95"/>
      <c r="E36" s="95"/>
      <c r="F36" s="71"/>
      <c r="G36" s="17" t="s">
        <v>0</v>
      </c>
      <c r="H36" s="259">
        <v>54000</v>
      </c>
    </row>
    <row r="37" spans="1:9" s="9" customFormat="1" ht="24.95" customHeight="1" x14ac:dyDescent="0.25">
      <c r="A37" s="81" t="s">
        <v>107</v>
      </c>
      <c r="B37" s="70" t="s">
        <v>152</v>
      </c>
      <c r="C37" s="95"/>
      <c r="D37" s="95"/>
      <c r="E37" s="95"/>
      <c r="F37" s="71"/>
      <c r="G37" s="17" t="s">
        <v>0</v>
      </c>
      <c r="H37" s="259">
        <v>60000</v>
      </c>
    </row>
    <row r="38" spans="1:9" s="9" customFormat="1" ht="24.95" customHeight="1" x14ac:dyDescent="0.25">
      <c r="A38" s="81" t="s">
        <v>108</v>
      </c>
      <c r="B38" s="70" t="s">
        <v>149</v>
      </c>
      <c r="C38" s="95"/>
      <c r="D38" s="95"/>
      <c r="E38" s="95"/>
      <c r="F38" s="71"/>
      <c r="G38" s="17" t="s">
        <v>155</v>
      </c>
      <c r="H38" s="259">
        <v>100</v>
      </c>
    </row>
    <row r="39" spans="1:9" s="9" customFormat="1" ht="24.95" customHeight="1" thickBot="1" x14ac:dyDescent="0.3">
      <c r="A39" s="82" t="s">
        <v>109</v>
      </c>
      <c r="B39" s="217" t="s">
        <v>150</v>
      </c>
      <c r="C39" s="218"/>
      <c r="D39" s="218"/>
      <c r="E39" s="218"/>
      <c r="F39" s="219"/>
      <c r="G39" s="94" t="s">
        <v>155</v>
      </c>
      <c r="H39" s="260">
        <v>100</v>
      </c>
    </row>
    <row r="40" spans="1:9" s="9" customFormat="1" ht="20.100000000000001" customHeight="1" x14ac:dyDescent="0.25">
      <c r="A40" s="157" t="s">
        <v>19</v>
      </c>
      <c r="B40" s="158"/>
      <c r="C40" s="88"/>
      <c r="D40" s="88"/>
      <c r="E40" s="88"/>
      <c r="F40" s="14"/>
      <c r="G40" s="14"/>
      <c r="H40" s="14"/>
    </row>
    <row r="41" spans="1:9" s="9" customFormat="1" ht="20.100000000000001" customHeight="1" x14ac:dyDescent="0.2">
      <c r="A41" s="10"/>
      <c r="B41" s="9" t="s">
        <v>2</v>
      </c>
      <c r="F41" s="14"/>
      <c r="G41" s="14"/>
      <c r="H41" s="14"/>
    </row>
    <row r="42" spans="1:9" s="9" customFormat="1" ht="20.100000000000001" customHeight="1" x14ac:dyDescent="0.25">
      <c r="A42" s="13"/>
      <c r="B42" s="2" t="s">
        <v>3</v>
      </c>
      <c r="C42" s="2"/>
      <c r="D42" s="2"/>
      <c r="E42" s="2"/>
      <c r="F42" s="14"/>
      <c r="G42" s="14"/>
      <c r="H42" s="14"/>
    </row>
    <row r="43" spans="1:9" ht="5.0999999999999996" customHeight="1" x14ac:dyDescent="0.2"/>
    <row r="44" spans="1:9" s="2" customFormat="1" ht="20.100000000000001" customHeight="1" x14ac:dyDescent="0.25">
      <c r="A44" s="162" t="s">
        <v>24</v>
      </c>
      <c r="B44" s="162"/>
      <c r="C44" s="162"/>
      <c r="D44" s="162"/>
      <c r="E44" s="162"/>
      <c r="F44" s="162"/>
      <c r="G44" s="162"/>
      <c r="H44" s="162"/>
    </row>
    <row r="45" spans="1:9" s="2" customFormat="1" ht="5.0999999999999996" customHeight="1" thickBot="1" x14ac:dyDescent="0.3">
      <c r="A45" s="16"/>
      <c r="F45" s="6"/>
      <c r="G45" s="6"/>
      <c r="H45" s="6"/>
    </row>
    <row r="46" spans="1:9" s="3" customFormat="1" ht="93" customHeight="1" x14ac:dyDescent="0.25">
      <c r="A46" s="187" t="s">
        <v>76</v>
      </c>
      <c r="B46" s="188"/>
      <c r="C46" s="89"/>
      <c r="D46" s="89"/>
      <c r="E46" s="89"/>
      <c r="F46" s="144" t="s">
        <v>26</v>
      </c>
      <c r="G46" s="145"/>
      <c r="H46" s="146"/>
      <c r="I46" s="22"/>
    </row>
    <row r="47" spans="1:9" s="3" customFormat="1" ht="30" customHeight="1" thickBot="1" x14ac:dyDescent="0.3">
      <c r="A47" s="189"/>
      <c r="B47" s="190"/>
      <c r="C47" s="90"/>
      <c r="D47" s="90"/>
      <c r="E47" s="90"/>
      <c r="F47" s="23" t="s">
        <v>27</v>
      </c>
      <c r="G47" s="208" t="s">
        <v>28</v>
      </c>
      <c r="H47" s="209"/>
    </row>
    <row r="48" spans="1:9" s="24" customFormat="1" ht="24.95" customHeight="1" x14ac:dyDescent="0.25">
      <c r="A48" s="185" t="s">
        <v>162</v>
      </c>
      <c r="B48" s="186"/>
      <c r="C48" s="102" t="s">
        <v>163</v>
      </c>
      <c r="D48" s="102" t="s">
        <v>164</v>
      </c>
      <c r="E48" s="103" t="s">
        <v>165</v>
      </c>
      <c r="F48" s="195"/>
      <c r="G48" s="196"/>
      <c r="H48" s="197"/>
    </row>
    <row r="49" spans="1:8" s="24" customFormat="1" ht="24.95" customHeight="1" x14ac:dyDescent="0.25">
      <c r="A49" s="226" t="s">
        <v>122</v>
      </c>
      <c r="B49" s="227"/>
      <c r="C49" s="101"/>
      <c r="D49" s="101"/>
      <c r="E49" s="96"/>
      <c r="F49" s="198"/>
      <c r="G49" s="199"/>
      <c r="H49" s="200"/>
    </row>
    <row r="50" spans="1:8" s="4" customFormat="1" ht="24.95" customHeight="1" x14ac:dyDescent="0.25">
      <c r="A50" s="51" t="s">
        <v>14</v>
      </c>
      <c r="B50" s="74" t="s">
        <v>166</v>
      </c>
      <c r="C50" s="107" t="s">
        <v>182</v>
      </c>
      <c r="D50" s="72">
        <v>700</v>
      </c>
      <c r="E50" s="108" t="s">
        <v>183</v>
      </c>
      <c r="F50" s="72"/>
      <c r="G50" s="165"/>
      <c r="H50" s="166"/>
    </row>
    <row r="51" spans="1:8" s="4" customFormat="1" ht="24.95" customHeight="1" x14ac:dyDescent="0.25">
      <c r="A51" s="51" t="s">
        <v>55</v>
      </c>
      <c r="B51" s="74" t="s">
        <v>167</v>
      </c>
      <c r="C51" s="107" t="s">
        <v>182</v>
      </c>
      <c r="D51" s="72">
        <v>1100</v>
      </c>
      <c r="E51" s="108" t="s">
        <v>184</v>
      </c>
      <c r="F51" s="72"/>
      <c r="G51" s="165"/>
      <c r="H51" s="166"/>
    </row>
    <row r="52" spans="1:8" s="4" customFormat="1" ht="24.95" customHeight="1" x14ac:dyDescent="0.25">
      <c r="A52" s="51" t="s">
        <v>56</v>
      </c>
      <c r="B52" s="74" t="s">
        <v>168</v>
      </c>
      <c r="C52" s="107" t="s">
        <v>182</v>
      </c>
      <c r="D52" s="109">
        <v>0.15</v>
      </c>
      <c r="E52" s="108" t="s">
        <v>185</v>
      </c>
      <c r="F52" s="72"/>
      <c r="G52" s="165"/>
      <c r="H52" s="166"/>
    </row>
    <row r="53" spans="1:8" s="4" customFormat="1" ht="24.95" customHeight="1" x14ac:dyDescent="0.25">
      <c r="A53" s="51" t="s">
        <v>57</v>
      </c>
      <c r="B53" s="74" t="s">
        <v>169</v>
      </c>
      <c r="C53" s="107" t="s">
        <v>186</v>
      </c>
      <c r="D53" s="72">
        <v>190</v>
      </c>
      <c r="E53" s="108" t="s">
        <v>185</v>
      </c>
      <c r="F53" s="72"/>
      <c r="G53" s="165"/>
      <c r="H53" s="166"/>
    </row>
    <row r="54" spans="1:8" s="50" customFormat="1" ht="24.95" customHeight="1" x14ac:dyDescent="0.25">
      <c r="A54" s="52" t="s">
        <v>58</v>
      </c>
      <c r="B54" s="74" t="s">
        <v>118</v>
      </c>
      <c r="C54" s="253" t="s">
        <v>185</v>
      </c>
      <c r="D54" s="254"/>
      <c r="E54" s="255"/>
      <c r="F54" s="73"/>
      <c r="G54" s="193"/>
      <c r="H54" s="194"/>
    </row>
    <row r="55" spans="1:8" s="4" customFormat="1" ht="24.95" customHeight="1" thickBot="1" x14ac:dyDescent="0.3">
      <c r="A55" s="53" t="s">
        <v>59</v>
      </c>
      <c r="B55" s="74" t="s">
        <v>170</v>
      </c>
      <c r="C55" s="110" t="s">
        <v>187</v>
      </c>
      <c r="D55" s="42">
        <v>50</v>
      </c>
      <c r="E55" s="108" t="s">
        <v>185</v>
      </c>
      <c r="F55" s="72"/>
      <c r="G55" s="165"/>
      <c r="H55" s="166"/>
    </row>
    <row r="56" spans="1:8" s="24" customFormat="1" ht="24.95" customHeight="1" x14ac:dyDescent="0.25">
      <c r="A56" s="174" t="s">
        <v>119</v>
      </c>
      <c r="B56" s="175"/>
      <c r="C56" s="91"/>
      <c r="D56" s="91"/>
      <c r="E56" s="91"/>
      <c r="F56" s="116" t="s">
        <v>185</v>
      </c>
      <c r="G56" s="245" t="s">
        <v>185</v>
      </c>
      <c r="H56" s="246"/>
    </row>
    <row r="57" spans="1:8" s="4" customFormat="1" ht="24.95" customHeight="1" x14ac:dyDescent="0.25">
      <c r="A57" s="51" t="s">
        <v>14</v>
      </c>
      <c r="B57" s="45" t="s">
        <v>171</v>
      </c>
      <c r="C57" s="107" t="s">
        <v>182</v>
      </c>
      <c r="D57" s="72">
        <v>700</v>
      </c>
      <c r="E57" s="108" t="s">
        <v>183</v>
      </c>
      <c r="F57" s="42"/>
      <c r="G57" s="165"/>
      <c r="H57" s="166"/>
    </row>
    <row r="58" spans="1:8" s="4" customFormat="1" ht="24.95" customHeight="1" x14ac:dyDescent="0.25">
      <c r="A58" s="51" t="s">
        <v>55</v>
      </c>
      <c r="B58" s="45" t="s">
        <v>172</v>
      </c>
      <c r="C58" s="107" t="s">
        <v>182</v>
      </c>
      <c r="D58" s="72">
        <v>1100</v>
      </c>
      <c r="E58" s="108" t="s">
        <v>184</v>
      </c>
      <c r="F58" s="42"/>
      <c r="G58" s="165"/>
      <c r="H58" s="166"/>
    </row>
    <row r="59" spans="1:8" s="4" customFormat="1" ht="24.95" customHeight="1" x14ac:dyDescent="0.25">
      <c r="A59" s="51" t="s">
        <v>56</v>
      </c>
      <c r="B59" s="45" t="s">
        <v>168</v>
      </c>
      <c r="C59" s="107" t="s">
        <v>182</v>
      </c>
      <c r="D59" s="109">
        <v>0.15</v>
      </c>
      <c r="E59" s="108" t="s">
        <v>185</v>
      </c>
      <c r="F59" s="42"/>
      <c r="G59" s="165"/>
      <c r="H59" s="166"/>
    </row>
    <row r="60" spans="1:8" s="50" customFormat="1" ht="24.95" customHeight="1" x14ac:dyDescent="0.25">
      <c r="A60" s="52" t="s">
        <v>57</v>
      </c>
      <c r="B60" s="49" t="s">
        <v>173</v>
      </c>
      <c r="C60" s="107" t="s">
        <v>186</v>
      </c>
      <c r="D60" s="72">
        <v>190</v>
      </c>
      <c r="E60" s="108" t="s">
        <v>185</v>
      </c>
      <c r="F60" s="47"/>
      <c r="G60" s="193"/>
      <c r="H60" s="194"/>
    </row>
    <row r="61" spans="1:8" s="4" customFormat="1" ht="24.95" customHeight="1" x14ac:dyDescent="0.25">
      <c r="A61" s="51" t="s">
        <v>58</v>
      </c>
      <c r="B61" s="44" t="s">
        <v>120</v>
      </c>
      <c r="C61" s="256" t="s">
        <v>185</v>
      </c>
      <c r="D61" s="257"/>
      <c r="E61" s="258"/>
      <c r="F61" s="42"/>
      <c r="G61" s="165"/>
      <c r="H61" s="166"/>
    </row>
    <row r="62" spans="1:8" s="50" customFormat="1" ht="24.95" customHeight="1" x14ac:dyDescent="0.25">
      <c r="A62" s="52" t="s">
        <v>59</v>
      </c>
      <c r="B62" s="49" t="s">
        <v>199</v>
      </c>
      <c r="C62" s="110" t="s">
        <v>187</v>
      </c>
      <c r="D62" s="42">
        <v>50</v>
      </c>
      <c r="E62" s="108" t="s">
        <v>185</v>
      </c>
      <c r="F62" s="47"/>
      <c r="G62" s="193"/>
      <c r="H62" s="194"/>
    </row>
    <row r="63" spans="1:8" s="4" customFormat="1" ht="24.95" customHeight="1" x14ac:dyDescent="0.25">
      <c r="A63" s="51" t="s">
        <v>60</v>
      </c>
      <c r="B63" s="49" t="s">
        <v>121</v>
      </c>
      <c r="C63" s="240" t="s">
        <v>185</v>
      </c>
      <c r="D63" s="241"/>
      <c r="E63" s="242"/>
      <c r="F63" s="42"/>
      <c r="G63" s="165"/>
      <c r="H63" s="166"/>
    </row>
    <row r="64" spans="1:8" s="4" customFormat="1" ht="24.95" customHeight="1" x14ac:dyDescent="0.25">
      <c r="A64" s="247" t="s">
        <v>123</v>
      </c>
      <c r="B64" s="248"/>
      <c r="C64" s="248"/>
      <c r="D64" s="248"/>
      <c r="E64" s="249"/>
      <c r="F64" s="75" t="s">
        <v>185</v>
      </c>
      <c r="G64" s="168" t="s">
        <v>185</v>
      </c>
      <c r="H64" s="169"/>
    </row>
    <row r="65" spans="1:8" s="4" customFormat="1" ht="24.95" customHeight="1" x14ac:dyDescent="0.25">
      <c r="A65" s="53" t="s">
        <v>14</v>
      </c>
      <c r="B65" s="26" t="s">
        <v>174</v>
      </c>
      <c r="C65" s="111" t="s">
        <v>182</v>
      </c>
      <c r="D65" s="42">
        <v>550</v>
      </c>
      <c r="E65" s="108" t="s">
        <v>188</v>
      </c>
      <c r="F65" s="42"/>
      <c r="G65" s="235"/>
      <c r="H65" s="236"/>
    </row>
    <row r="66" spans="1:8" s="4" customFormat="1" ht="24.95" customHeight="1" x14ac:dyDescent="0.25">
      <c r="A66" s="53" t="s">
        <v>55</v>
      </c>
      <c r="B66" s="26" t="s">
        <v>172</v>
      </c>
      <c r="C66" s="111" t="s">
        <v>182</v>
      </c>
      <c r="D66" s="42">
        <v>1100</v>
      </c>
      <c r="E66" s="108" t="s">
        <v>184</v>
      </c>
      <c r="F66" s="42"/>
      <c r="G66" s="235"/>
      <c r="H66" s="236"/>
    </row>
    <row r="67" spans="1:8" s="4" customFormat="1" ht="24.95" customHeight="1" x14ac:dyDescent="0.25">
      <c r="A67" s="53" t="s">
        <v>56</v>
      </c>
      <c r="B67" s="26" t="s">
        <v>175</v>
      </c>
      <c r="C67" s="111" t="s">
        <v>182</v>
      </c>
      <c r="D67" s="42">
        <v>0.105</v>
      </c>
      <c r="E67" s="108" t="s">
        <v>185</v>
      </c>
      <c r="F67" s="42"/>
      <c r="G67" s="235"/>
      <c r="H67" s="236"/>
    </row>
    <row r="68" spans="1:8" s="4" customFormat="1" ht="24.95" customHeight="1" x14ac:dyDescent="0.25">
      <c r="A68" s="53" t="s">
        <v>57</v>
      </c>
      <c r="B68" s="26" t="s">
        <v>176</v>
      </c>
      <c r="C68" s="111" t="s">
        <v>186</v>
      </c>
      <c r="D68" s="42">
        <v>116</v>
      </c>
      <c r="E68" s="108" t="s">
        <v>185</v>
      </c>
      <c r="F68" s="42"/>
      <c r="G68" s="235"/>
      <c r="H68" s="236"/>
    </row>
    <row r="69" spans="1:8" s="4" customFormat="1" ht="24.95" customHeight="1" x14ac:dyDescent="0.25">
      <c r="A69" s="53" t="s">
        <v>58</v>
      </c>
      <c r="B69" s="26" t="s">
        <v>124</v>
      </c>
      <c r="C69" s="240" t="s">
        <v>185</v>
      </c>
      <c r="D69" s="241"/>
      <c r="E69" s="242"/>
      <c r="F69" s="42"/>
      <c r="G69" s="235"/>
      <c r="H69" s="236"/>
    </row>
    <row r="70" spans="1:8" s="4" customFormat="1" ht="24.95" customHeight="1" x14ac:dyDescent="0.25">
      <c r="A70" s="53" t="s">
        <v>59</v>
      </c>
      <c r="B70" s="26" t="s">
        <v>200</v>
      </c>
      <c r="C70" s="111" t="s">
        <v>187</v>
      </c>
      <c r="D70" s="42">
        <v>50</v>
      </c>
      <c r="E70" s="108" t="s">
        <v>185</v>
      </c>
      <c r="F70" s="42"/>
      <c r="G70" s="235"/>
      <c r="H70" s="236"/>
    </row>
    <row r="71" spans="1:8" s="4" customFormat="1" ht="24.95" customHeight="1" x14ac:dyDescent="0.25">
      <c r="A71" s="53" t="s">
        <v>60</v>
      </c>
      <c r="B71" s="26" t="s">
        <v>125</v>
      </c>
      <c r="C71" s="240" t="s">
        <v>185</v>
      </c>
      <c r="D71" s="241"/>
      <c r="E71" s="242"/>
      <c r="F71" s="42"/>
      <c r="G71" s="235"/>
      <c r="H71" s="236"/>
    </row>
    <row r="72" spans="1:8" s="4" customFormat="1" ht="24.95" customHeight="1" x14ac:dyDescent="0.25">
      <c r="A72" s="247" t="s">
        <v>126</v>
      </c>
      <c r="B72" s="248"/>
      <c r="C72" s="248"/>
      <c r="D72" s="248"/>
      <c r="E72" s="249"/>
      <c r="F72" s="75" t="s">
        <v>185</v>
      </c>
      <c r="G72" s="151" t="s">
        <v>185</v>
      </c>
      <c r="H72" s="152"/>
    </row>
    <row r="73" spans="1:8" s="50" customFormat="1" ht="24.95" customHeight="1" x14ac:dyDescent="0.25">
      <c r="A73" s="55" t="s">
        <v>14</v>
      </c>
      <c r="B73" s="26" t="s">
        <v>166</v>
      </c>
      <c r="C73" s="111" t="s">
        <v>182</v>
      </c>
      <c r="D73" s="47">
        <v>700</v>
      </c>
      <c r="E73" s="108" t="s">
        <v>183</v>
      </c>
      <c r="F73" s="47"/>
      <c r="G73" s="237"/>
      <c r="H73" s="238"/>
    </row>
    <row r="74" spans="1:8" s="50" customFormat="1" ht="24.95" customHeight="1" x14ac:dyDescent="0.25">
      <c r="A74" s="55" t="s">
        <v>55</v>
      </c>
      <c r="B74" s="26" t="s">
        <v>172</v>
      </c>
      <c r="C74" s="111" t="s">
        <v>182</v>
      </c>
      <c r="D74" s="112" t="s">
        <v>189</v>
      </c>
      <c r="E74" s="108" t="s">
        <v>190</v>
      </c>
      <c r="F74" s="47"/>
      <c r="G74" s="237"/>
      <c r="H74" s="238"/>
    </row>
    <row r="75" spans="1:8" s="50" customFormat="1" ht="24.95" customHeight="1" x14ac:dyDescent="0.25">
      <c r="A75" s="55" t="s">
        <v>56</v>
      </c>
      <c r="B75" s="26" t="s">
        <v>177</v>
      </c>
      <c r="C75" s="111" t="s">
        <v>182</v>
      </c>
      <c r="D75" s="113">
        <v>0.06</v>
      </c>
      <c r="E75" s="108" t="s">
        <v>185</v>
      </c>
      <c r="F75" s="47"/>
      <c r="G75" s="237"/>
      <c r="H75" s="238"/>
    </row>
    <row r="76" spans="1:8" s="50" customFormat="1" ht="24.95" customHeight="1" x14ac:dyDescent="0.25">
      <c r="A76" s="55" t="s">
        <v>57</v>
      </c>
      <c r="B76" s="26" t="s">
        <v>178</v>
      </c>
      <c r="C76" s="111" t="s">
        <v>186</v>
      </c>
      <c r="D76" s="47">
        <v>77.28</v>
      </c>
      <c r="E76" s="108" t="s">
        <v>185</v>
      </c>
      <c r="F76" s="47"/>
      <c r="G76" s="237"/>
      <c r="H76" s="238"/>
    </row>
    <row r="77" spans="1:8" s="50" customFormat="1" ht="24.95" customHeight="1" x14ac:dyDescent="0.25">
      <c r="A77" s="55" t="s">
        <v>58</v>
      </c>
      <c r="B77" s="26" t="s">
        <v>127</v>
      </c>
      <c r="C77" s="240" t="s">
        <v>185</v>
      </c>
      <c r="D77" s="241"/>
      <c r="E77" s="242"/>
      <c r="F77" s="47"/>
      <c r="G77" s="237"/>
      <c r="H77" s="238"/>
    </row>
    <row r="78" spans="1:8" s="50" customFormat="1" ht="24.95" customHeight="1" x14ac:dyDescent="0.25">
      <c r="A78" s="55" t="s">
        <v>59</v>
      </c>
      <c r="B78" s="26" t="s">
        <v>128</v>
      </c>
      <c r="C78" s="240" t="s">
        <v>185</v>
      </c>
      <c r="D78" s="241"/>
      <c r="E78" s="242"/>
      <c r="F78" s="47"/>
      <c r="G78" s="237"/>
      <c r="H78" s="238"/>
    </row>
    <row r="79" spans="1:8" s="50" customFormat="1" ht="24.95" customHeight="1" x14ac:dyDescent="0.25">
      <c r="A79" s="55" t="s">
        <v>60</v>
      </c>
      <c r="B79" s="26" t="s">
        <v>129</v>
      </c>
      <c r="C79" s="240" t="s">
        <v>185</v>
      </c>
      <c r="D79" s="241"/>
      <c r="E79" s="242"/>
      <c r="F79" s="47"/>
      <c r="G79" s="237"/>
      <c r="H79" s="238"/>
    </row>
    <row r="80" spans="1:8" s="50" customFormat="1" ht="24.95" customHeight="1" x14ac:dyDescent="0.25">
      <c r="A80" s="247" t="s">
        <v>130</v>
      </c>
      <c r="B80" s="248"/>
      <c r="C80" s="248"/>
      <c r="D80" s="248"/>
      <c r="E80" s="249"/>
      <c r="F80" s="75" t="s">
        <v>185</v>
      </c>
      <c r="G80" s="151" t="s">
        <v>185</v>
      </c>
      <c r="H80" s="152"/>
    </row>
    <row r="81" spans="1:8" s="50" customFormat="1" ht="24.95" customHeight="1" x14ac:dyDescent="0.25">
      <c r="A81" s="55" t="s">
        <v>14</v>
      </c>
      <c r="B81" s="26" t="s">
        <v>174</v>
      </c>
      <c r="C81" s="111" t="s">
        <v>182</v>
      </c>
      <c r="D81" s="47">
        <v>880</v>
      </c>
      <c r="E81" s="108" t="s">
        <v>191</v>
      </c>
      <c r="F81" s="47"/>
      <c r="G81" s="237"/>
      <c r="H81" s="238"/>
    </row>
    <row r="82" spans="1:8" s="50" customFormat="1" ht="24.95" customHeight="1" x14ac:dyDescent="0.25">
      <c r="A82" s="55" t="s">
        <v>55</v>
      </c>
      <c r="B82" s="26" t="s">
        <v>172</v>
      </c>
      <c r="C82" s="111" t="s">
        <v>182</v>
      </c>
      <c r="D82" s="112" t="s">
        <v>189</v>
      </c>
      <c r="E82" s="108" t="s">
        <v>190</v>
      </c>
      <c r="F82" s="47"/>
      <c r="G82" s="237"/>
      <c r="H82" s="238"/>
    </row>
    <row r="83" spans="1:8" s="50" customFormat="1" ht="24.95" customHeight="1" x14ac:dyDescent="0.25">
      <c r="A83" s="55" t="s">
        <v>56</v>
      </c>
      <c r="B83" s="26" t="s">
        <v>177</v>
      </c>
      <c r="C83" s="111" t="s">
        <v>182</v>
      </c>
      <c r="D83" s="113">
        <v>0.04</v>
      </c>
      <c r="E83" s="108" t="s">
        <v>185</v>
      </c>
      <c r="F83" s="47"/>
      <c r="G83" s="237"/>
      <c r="H83" s="238"/>
    </row>
    <row r="84" spans="1:8" s="50" customFormat="1" ht="24.95" customHeight="1" x14ac:dyDescent="0.25">
      <c r="A84" s="55" t="s">
        <v>57</v>
      </c>
      <c r="B84" s="26" t="s">
        <v>178</v>
      </c>
      <c r="C84" s="111" t="s">
        <v>186</v>
      </c>
      <c r="D84" s="47">
        <v>64.77</v>
      </c>
      <c r="E84" s="108" t="s">
        <v>185</v>
      </c>
      <c r="F84" s="47"/>
      <c r="G84" s="237"/>
      <c r="H84" s="238"/>
    </row>
    <row r="85" spans="1:8" s="50" customFormat="1" ht="24.95" customHeight="1" x14ac:dyDescent="0.25">
      <c r="A85" s="55" t="s">
        <v>58</v>
      </c>
      <c r="B85" s="26" t="s">
        <v>127</v>
      </c>
      <c r="C85" s="240" t="s">
        <v>185</v>
      </c>
      <c r="D85" s="241"/>
      <c r="E85" s="242"/>
      <c r="F85" s="47"/>
      <c r="G85" s="237"/>
      <c r="H85" s="238"/>
    </row>
    <row r="86" spans="1:8" s="50" customFormat="1" ht="24.95" customHeight="1" x14ac:dyDescent="0.25">
      <c r="A86" s="55" t="s">
        <v>59</v>
      </c>
      <c r="B86" s="26" t="s">
        <v>128</v>
      </c>
      <c r="C86" s="240" t="s">
        <v>185</v>
      </c>
      <c r="D86" s="241"/>
      <c r="E86" s="242"/>
      <c r="F86" s="47"/>
      <c r="G86" s="237"/>
      <c r="H86" s="238"/>
    </row>
    <row r="87" spans="1:8" s="50" customFormat="1" ht="24.95" customHeight="1" x14ac:dyDescent="0.25">
      <c r="A87" s="55" t="s">
        <v>60</v>
      </c>
      <c r="B87" s="26" t="s">
        <v>129</v>
      </c>
      <c r="C87" s="240" t="s">
        <v>185</v>
      </c>
      <c r="D87" s="241"/>
      <c r="E87" s="242"/>
      <c r="F87" s="47"/>
      <c r="G87" s="237"/>
      <c r="H87" s="238"/>
    </row>
    <row r="88" spans="1:8" s="50" customFormat="1" ht="24.95" customHeight="1" x14ac:dyDescent="0.25">
      <c r="A88" s="247" t="s">
        <v>131</v>
      </c>
      <c r="B88" s="248"/>
      <c r="C88" s="248"/>
      <c r="D88" s="248"/>
      <c r="E88" s="249"/>
      <c r="F88" s="75" t="s">
        <v>185</v>
      </c>
      <c r="G88" s="151" t="s">
        <v>185</v>
      </c>
      <c r="H88" s="152"/>
    </row>
    <row r="89" spans="1:8" s="50" customFormat="1" ht="24.95" customHeight="1" x14ac:dyDescent="0.25">
      <c r="A89" s="55" t="s">
        <v>14</v>
      </c>
      <c r="B89" s="26" t="s">
        <v>171</v>
      </c>
      <c r="C89" s="111" t="s">
        <v>182</v>
      </c>
      <c r="D89" s="47">
        <v>500</v>
      </c>
      <c r="E89" s="108" t="s">
        <v>192</v>
      </c>
      <c r="F89" s="47"/>
      <c r="G89" s="237"/>
      <c r="H89" s="238"/>
    </row>
    <row r="90" spans="1:8" s="50" customFormat="1" ht="24.95" customHeight="1" x14ac:dyDescent="0.25">
      <c r="A90" s="55" t="s">
        <v>55</v>
      </c>
      <c r="B90" s="26" t="s">
        <v>172</v>
      </c>
      <c r="C90" s="111" t="s">
        <v>182</v>
      </c>
      <c r="D90" s="47">
        <v>600</v>
      </c>
      <c r="E90" s="108" t="s">
        <v>193</v>
      </c>
      <c r="F90" s="47"/>
      <c r="G90" s="237"/>
      <c r="H90" s="238"/>
    </row>
    <row r="91" spans="1:8" s="50" customFormat="1" ht="24.95" customHeight="1" x14ac:dyDescent="0.25">
      <c r="A91" s="55" t="s">
        <v>56</v>
      </c>
      <c r="B91" s="26" t="s">
        <v>177</v>
      </c>
      <c r="C91" s="111" t="s">
        <v>182</v>
      </c>
      <c r="D91" s="113">
        <v>0.01</v>
      </c>
      <c r="E91" s="108" t="s">
        <v>185</v>
      </c>
      <c r="F91" s="47"/>
      <c r="G91" s="237"/>
      <c r="H91" s="238"/>
    </row>
    <row r="92" spans="1:8" s="50" customFormat="1" ht="24.95" customHeight="1" x14ac:dyDescent="0.25">
      <c r="A92" s="55" t="s">
        <v>57</v>
      </c>
      <c r="B92" s="26" t="s">
        <v>179</v>
      </c>
      <c r="C92" s="111" t="s">
        <v>186</v>
      </c>
      <c r="D92" s="47">
        <v>5.64</v>
      </c>
      <c r="E92" s="108" t="s">
        <v>185</v>
      </c>
      <c r="F92" s="47"/>
      <c r="G92" s="237"/>
      <c r="H92" s="238"/>
    </row>
    <row r="93" spans="1:8" s="50" customFormat="1" ht="24.95" customHeight="1" x14ac:dyDescent="0.25">
      <c r="A93" s="55" t="s">
        <v>59</v>
      </c>
      <c r="B93" s="26" t="s">
        <v>132</v>
      </c>
      <c r="C93" s="240" t="s">
        <v>185</v>
      </c>
      <c r="D93" s="241"/>
      <c r="E93" s="242"/>
      <c r="F93" s="47"/>
      <c r="G93" s="237"/>
      <c r="H93" s="238"/>
    </row>
    <row r="94" spans="1:8" s="50" customFormat="1" ht="24.95" customHeight="1" x14ac:dyDescent="0.25">
      <c r="A94" s="55" t="s">
        <v>60</v>
      </c>
      <c r="B94" s="48" t="s">
        <v>133</v>
      </c>
      <c r="C94" s="240" t="s">
        <v>185</v>
      </c>
      <c r="D94" s="241"/>
      <c r="E94" s="242"/>
      <c r="F94" s="47"/>
      <c r="G94" s="237"/>
      <c r="H94" s="238"/>
    </row>
    <row r="95" spans="1:8" s="50" customFormat="1" ht="24.95" customHeight="1" x14ac:dyDescent="0.25">
      <c r="A95" s="247" t="s">
        <v>134</v>
      </c>
      <c r="B95" s="248"/>
      <c r="C95" s="248"/>
      <c r="D95" s="248"/>
      <c r="E95" s="249"/>
      <c r="F95" s="75" t="s">
        <v>185</v>
      </c>
      <c r="G95" s="151" t="s">
        <v>185</v>
      </c>
      <c r="H95" s="152"/>
    </row>
    <row r="96" spans="1:8" s="50" customFormat="1" ht="24.95" customHeight="1" x14ac:dyDescent="0.25">
      <c r="A96" s="55" t="s">
        <v>14</v>
      </c>
      <c r="B96" s="26" t="s">
        <v>171</v>
      </c>
      <c r="C96" s="111" t="s">
        <v>182</v>
      </c>
      <c r="D96" s="47">
        <v>500</v>
      </c>
      <c r="E96" s="108" t="s">
        <v>192</v>
      </c>
      <c r="F96" s="47"/>
      <c r="G96" s="237"/>
      <c r="H96" s="238"/>
    </row>
    <row r="97" spans="1:8" s="50" customFormat="1" ht="24.95" customHeight="1" x14ac:dyDescent="0.25">
      <c r="A97" s="55" t="s">
        <v>55</v>
      </c>
      <c r="B97" s="26" t="s">
        <v>172</v>
      </c>
      <c r="C97" s="111" t="s">
        <v>182</v>
      </c>
      <c r="D97" s="47">
        <v>600</v>
      </c>
      <c r="E97" s="108" t="s">
        <v>193</v>
      </c>
      <c r="F97" s="47"/>
      <c r="G97" s="237"/>
      <c r="H97" s="238"/>
    </row>
    <row r="98" spans="1:8" s="50" customFormat="1" ht="24.95" customHeight="1" x14ac:dyDescent="0.25">
      <c r="A98" s="55" t="s">
        <v>56</v>
      </c>
      <c r="B98" s="26" t="s">
        <v>177</v>
      </c>
      <c r="C98" s="111" t="s">
        <v>182</v>
      </c>
      <c r="D98" s="113">
        <v>2.5000000000000001E-2</v>
      </c>
      <c r="E98" s="108" t="s">
        <v>185</v>
      </c>
      <c r="F98" s="47"/>
      <c r="G98" s="237"/>
      <c r="H98" s="238"/>
    </row>
    <row r="99" spans="1:8" s="50" customFormat="1" ht="24.95" customHeight="1" x14ac:dyDescent="0.25">
      <c r="A99" s="55" t="s">
        <v>57</v>
      </c>
      <c r="B99" s="26" t="s">
        <v>179</v>
      </c>
      <c r="C99" s="111" t="s">
        <v>186</v>
      </c>
      <c r="D99" s="47">
        <v>13.8</v>
      </c>
      <c r="E99" s="108" t="s">
        <v>185</v>
      </c>
      <c r="F99" s="47"/>
      <c r="G99" s="237"/>
      <c r="H99" s="238"/>
    </row>
    <row r="100" spans="1:8" s="50" customFormat="1" ht="24.95" customHeight="1" x14ac:dyDescent="0.25">
      <c r="A100" s="55" t="s">
        <v>58</v>
      </c>
      <c r="B100" s="26" t="s">
        <v>135</v>
      </c>
      <c r="C100" s="240" t="s">
        <v>185</v>
      </c>
      <c r="D100" s="241"/>
      <c r="E100" s="242"/>
      <c r="F100" s="47"/>
      <c r="G100" s="237"/>
      <c r="H100" s="238"/>
    </row>
    <row r="101" spans="1:8" s="50" customFormat="1" ht="24.95" customHeight="1" thickBot="1" x14ac:dyDescent="0.3">
      <c r="A101" s="55" t="s">
        <v>59</v>
      </c>
      <c r="B101" s="104" t="s">
        <v>129</v>
      </c>
      <c r="C101" s="240" t="s">
        <v>185</v>
      </c>
      <c r="D101" s="241"/>
      <c r="E101" s="242"/>
      <c r="F101" s="47"/>
      <c r="G101" s="237"/>
      <c r="H101" s="238"/>
    </row>
    <row r="102" spans="1:8" s="50" customFormat="1" ht="24.95" customHeight="1" thickTop="1" x14ac:dyDescent="0.25">
      <c r="A102" s="250" t="s">
        <v>136</v>
      </c>
      <c r="B102" s="251"/>
      <c r="C102" s="251"/>
      <c r="D102" s="251"/>
      <c r="E102" s="252"/>
      <c r="F102" s="75" t="s">
        <v>185</v>
      </c>
      <c r="G102" s="151" t="s">
        <v>185</v>
      </c>
      <c r="H102" s="152"/>
    </row>
    <row r="103" spans="1:8" s="50" customFormat="1" ht="24.95" customHeight="1" x14ac:dyDescent="0.25">
      <c r="A103" s="55" t="s">
        <v>14</v>
      </c>
      <c r="B103" s="26" t="s">
        <v>171</v>
      </c>
      <c r="C103" s="111" t="s">
        <v>182</v>
      </c>
      <c r="D103" s="47">
        <v>600</v>
      </c>
      <c r="E103" s="108" t="s">
        <v>193</v>
      </c>
      <c r="F103" s="47"/>
      <c r="G103" s="237"/>
      <c r="H103" s="238"/>
    </row>
    <row r="104" spans="1:8" s="50" customFormat="1" ht="24.95" customHeight="1" x14ac:dyDescent="0.25">
      <c r="A104" s="55" t="s">
        <v>55</v>
      </c>
      <c r="B104" s="26" t="s">
        <v>180</v>
      </c>
      <c r="C104" s="111" t="s">
        <v>182</v>
      </c>
      <c r="D104" s="47">
        <v>700</v>
      </c>
      <c r="E104" s="108" t="s">
        <v>183</v>
      </c>
      <c r="F104" s="47"/>
      <c r="G104" s="237"/>
      <c r="H104" s="238"/>
    </row>
    <row r="105" spans="1:8" s="50" customFormat="1" ht="24.95" customHeight="1" x14ac:dyDescent="0.25">
      <c r="A105" s="55" t="s">
        <v>56</v>
      </c>
      <c r="B105" s="26" t="s">
        <v>177</v>
      </c>
      <c r="C105" s="111" t="s">
        <v>182</v>
      </c>
      <c r="D105" s="113">
        <v>2.5000000000000001E-2</v>
      </c>
      <c r="E105" s="108" t="s">
        <v>185</v>
      </c>
      <c r="F105" s="47"/>
      <c r="G105" s="237"/>
      <c r="H105" s="238"/>
    </row>
    <row r="106" spans="1:8" s="50" customFormat="1" ht="24.95" customHeight="1" x14ac:dyDescent="0.25">
      <c r="A106" s="55" t="s">
        <v>57</v>
      </c>
      <c r="B106" s="26" t="s">
        <v>179</v>
      </c>
      <c r="C106" s="111" t="s">
        <v>186</v>
      </c>
      <c r="D106" s="47">
        <v>19.32</v>
      </c>
      <c r="E106" s="108" t="s">
        <v>185</v>
      </c>
      <c r="F106" s="47"/>
      <c r="G106" s="237"/>
      <c r="H106" s="238"/>
    </row>
    <row r="107" spans="1:8" s="50" customFormat="1" ht="24.95" customHeight="1" x14ac:dyDescent="0.25">
      <c r="A107" s="55" t="s">
        <v>58</v>
      </c>
      <c r="B107" s="26" t="s">
        <v>135</v>
      </c>
      <c r="C107" s="240" t="s">
        <v>185</v>
      </c>
      <c r="D107" s="241"/>
      <c r="E107" s="242"/>
      <c r="F107" s="47"/>
      <c r="G107" s="237"/>
      <c r="H107" s="238"/>
    </row>
    <row r="108" spans="1:8" s="50" customFormat="1" ht="24.95" customHeight="1" x14ac:dyDescent="0.25">
      <c r="A108" s="55" t="s">
        <v>59</v>
      </c>
      <c r="B108" s="48" t="s">
        <v>129</v>
      </c>
      <c r="C108" s="240" t="s">
        <v>185</v>
      </c>
      <c r="D108" s="241"/>
      <c r="E108" s="242"/>
      <c r="F108" s="47"/>
      <c r="G108" s="237"/>
      <c r="H108" s="238"/>
    </row>
    <row r="109" spans="1:8" s="50" customFormat="1" ht="24.95" customHeight="1" x14ac:dyDescent="0.25">
      <c r="A109" s="247" t="s">
        <v>153</v>
      </c>
      <c r="B109" s="248"/>
      <c r="C109" s="248"/>
      <c r="D109" s="248"/>
      <c r="E109" s="249"/>
      <c r="F109" s="75" t="s">
        <v>185</v>
      </c>
      <c r="G109" s="151" t="s">
        <v>185</v>
      </c>
      <c r="H109" s="152"/>
    </row>
    <row r="110" spans="1:8" s="50" customFormat="1" ht="24.95" customHeight="1" x14ac:dyDescent="0.25">
      <c r="A110" s="55" t="s">
        <v>14</v>
      </c>
      <c r="B110" s="26" t="s">
        <v>166</v>
      </c>
      <c r="C110" s="111" t="s">
        <v>182</v>
      </c>
      <c r="D110" s="47">
        <v>250</v>
      </c>
      <c r="E110" s="108" t="s">
        <v>194</v>
      </c>
      <c r="F110" s="47"/>
      <c r="G110" s="237"/>
      <c r="H110" s="238"/>
    </row>
    <row r="111" spans="1:8" s="50" customFormat="1" ht="24.95" customHeight="1" x14ac:dyDescent="0.25">
      <c r="A111" s="55" t="s">
        <v>55</v>
      </c>
      <c r="B111" s="26" t="s">
        <v>172</v>
      </c>
      <c r="C111" s="111" t="s">
        <v>182</v>
      </c>
      <c r="D111" s="47">
        <v>470</v>
      </c>
      <c r="E111" s="108" t="s">
        <v>195</v>
      </c>
      <c r="F111" s="47"/>
      <c r="G111" s="237"/>
      <c r="H111" s="238"/>
    </row>
    <row r="112" spans="1:8" s="50" customFormat="1" ht="24.95" customHeight="1" x14ac:dyDescent="0.25">
      <c r="A112" s="55" t="s">
        <v>56</v>
      </c>
      <c r="B112" s="26" t="s">
        <v>177</v>
      </c>
      <c r="C112" s="111" t="s">
        <v>182</v>
      </c>
      <c r="D112" s="113">
        <v>1.2E-2</v>
      </c>
      <c r="E112" s="108" t="s">
        <v>185</v>
      </c>
      <c r="F112" s="47"/>
      <c r="G112" s="237"/>
      <c r="H112" s="238"/>
    </row>
    <row r="113" spans="1:8" s="50" customFormat="1" ht="24.95" customHeight="1" x14ac:dyDescent="0.25">
      <c r="A113" s="55" t="s">
        <v>57</v>
      </c>
      <c r="B113" s="26" t="s">
        <v>179</v>
      </c>
      <c r="C113" s="111" t="s">
        <v>186</v>
      </c>
      <c r="D113" s="47">
        <v>2.65</v>
      </c>
      <c r="E113" s="108" t="s">
        <v>185</v>
      </c>
      <c r="F113" s="47"/>
      <c r="G113" s="237"/>
      <c r="H113" s="238"/>
    </row>
    <row r="114" spans="1:8" s="50" customFormat="1" ht="24.95" customHeight="1" x14ac:dyDescent="0.25">
      <c r="A114" s="55" t="s">
        <v>58</v>
      </c>
      <c r="B114" s="26" t="s">
        <v>132</v>
      </c>
      <c r="C114" s="240" t="s">
        <v>185</v>
      </c>
      <c r="D114" s="241"/>
      <c r="E114" s="242"/>
      <c r="F114" s="47"/>
      <c r="G114" s="237"/>
      <c r="H114" s="238"/>
    </row>
    <row r="115" spans="1:8" s="50" customFormat="1" ht="24.95" customHeight="1" x14ac:dyDescent="0.25">
      <c r="A115" s="55" t="s">
        <v>59</v>
      </c>
      <c r="B115" s="26" t="s">
        <v>181</v>
      </c>
      <c r="C115" s="111" t="s">
        <v>187</v>
      </c>
      <c r="D115" s="114">
        <v>5</v>
      </c>
      <c r="E115" s="108" t="s">
        <v>185</v>
      </c>
      <c r="F115" s="47"/>
      <c r="G115" s="237"/>
      <c r="H115" s="238"/>
    </row>
    <row r="116" spans="1:8" s="50" customFormat="1" ht="24.95" customHeight="1" x14ac:dyDescent="0.25">
      <c r="A116" s="55" t="s">
        <v>60</v>
      </c>
      <c r="B116" s="48" t="s">
        <v>137</v>
      </c>
      <c r="C116" s="240" t="s">
        <v>185</v>
      </c>
      <c r="D116" s="241"/>
      <c r="E116" s="242"/>
      <c r="F116" s="47"/>
      <c r="G116" s="237"/>
      <c r="H116" s="238"/>
    </row>
    <row r="117" spans="1:8" s="50" customFormat="1" ht="24.95" customHeight="1" x14ac:dyDescent="0.25">
      <c r="A117" s="247" t="s">
        <v>138</v>
      </c>
      <c r="B117" s="248"/>
      <c r="C117" s="248"/>
      <c r="D117" s="248"/>
      <c r="E117" s="249"/>
      <c r="F117" s="75" t="s">
        <v>185</v>
      </c>
      <c r="G117" s="151" t="s">
        <v>185</v>
      </c>
      <c r="H117" s="152"/>
    </row>
    <row r="118" spans="1:8" s="50" customFormat="1" ht="24.95" customHeight="1" x14ac:dyDescent="0.25">
      <c r="A118" s="55" t="s">
        <v>14</v>
      </c>
      <c r="B118" s="26" t="s">
        <v>171</v>
      </c>
      <c r="C118" s="111" t="s">
        <v>182</v>
      </c>
      <c r="D118" s="47">
        <v>70</v>
      </c>
      <c r="E118" s="108" t="s">
        <v>196</v>
      </c>
      <c r="F118" s="115"/>
      <c r="G118" s="239"/>
      <c r="H118" s="238"/>
    </row>
    <row r="119" spans="1:8" s="50" customFormat="1" ht="24.95" customHeight="1" x14ac:dyDescent="0.25">
      <c r="A119" s="55" t="s">
        <v>55</v>
      </c>
      <c r="B119" s="26" t="s">
        <v>172</v>
      </c>
      <c r="C119" s="111" t="s">
        <v>182</v>
      </c>
      <c r="D119" s="47">
        <v>100</v>
      </c>
      <c r="E119" s="108" t="s">
        <v>197</v>
      </c>
      <c r="F119" s="115"/>
      <c r="G119" s="239"/>
      <c r="H119" s="238"/>
    </row>
    <row r="120" spans="1:8" s="50" customFormat="1" ht="24.95" customHeight="1" x14ac:dyDescent="0.25">
      <c r="A120" s="55" t="s">
        <v>56</v>
      </c>
      <c r="B120" s="26" t="s">
        <v>177</v>
      </c>
      <c r="C120" s="111" t="s">
        <v>182</v>
      </c>
      <c r="D120" s="113">
        <v>0.04</v>
      </c>
      <c r="E120" s="108" t="s">
        <v>185</v>
      </c>
      <c r="F120" s="115"/>
      <c r="G120" s="239"/>
      <c r="H120" s="238"/>
    </row>
    <row r="121" spans="1:8" s="50" customFormat="1" ht="24.95" customHeight="1" x14ac:dyDescent="0.25">
      <c r="A121" s="55" t="s">
        <v>57</v>
      </c>
      <c r="B121" s="26" t="s">
        <v>135</v>
      </c>
      <c r="C121" s="240" t="s">
        <v>185</v>
      </c>
      <c r="D121" s="241"/>
      <c r="E121" s="242"/>
      <c r="F121" s="47"/>
      <c r="G121" s="237"/>
      <c r="H121" s="238"/>
    </row>
    <row r="122" spans="1:8" s="50" customFormat="1" ht="24.95" customHeight="1" x14ac:dyDescent="0.25">
      <c r="A122" s="55" t="s">
        <v>58</v>
      </c>
      <c r="B122" s="26" t="s">
        <v>139</v>
      </c>
      <c r="C122" s="240" t="s">
        <v>185</v>
      </c>
      <c r="D122" s="241"/>
      <c r="E122" s="242"/>
      <c r="F122" s="47"/>
      <c r="G122" s="237"/>
      <c r="H122" s="238"/>
    </row>
    <row r="123" spans="1:8" s="50" customFormat="1" ht="24.95" customHeight="1" x14ac:dyDescent="0.25">
      <c r="A123" s="55" t="s">
        <v>59</v>
      </c>
      <c r="B123" s="26" t="s">
        <v>140</v>
      </c>
      <c r="C123" s="240" t="s">
        <v>185</v>
      </c>
      <c r="D123" s="241"/>
      <c r="E123" s="242"/>
      <c r="F123" s="47"/>
      <c r="G123" s="237"/>
      <c r="H123" s="238"/>
    </row>
    <row r="124" spans="1:8" s="4" customFormat="1" ht="24.95" customHeight="1" x14ac:dyDescent="0.25">
      <c r="A124" s="247" t="s">
        <v>141</v>
      </c>
      <c r="B124" s="248"/>
      <c r="C124" s="248"/>
      <c r="D124" s="248"/>
      <c r="E124" s="249"/>
      <c r="F124" s="75" t="s">
        <v>185</v>
      </c>
      <c r="G124" s="151" t="s">
        <v>185</v>
      </c>
      <c r="H124" s="152"/>
    </row>
    <row r="125" spans="1:8" s="4" customFormat="1" ht="24.95" customHeight="1" x14ac:dyDescent="0.25">
      <c r="A125" s="54" t="s">
        <v>14</v>
      </c>
      <c r="B125" s="48" t="s">
        <v>171</v>
      </c>
      <c r="C125" s="111" t="s">
        <v>182</v>
      </c>
      <c r="D125" s="47">
        <v>100</v>
      </c>
      <c r="E125" s="108" t="s">
        <v>197</v>
      </c>
      <c r="F125" s="42"/>
      <c r="G125" s="235"/>
      <c r="H125" s="236"/>
    </row>
    <row r="126" spans="1:8" s="4" customFormat="1" ht="24.95" customHeight="1" x14ac:dyDescent="0.25">
      <c r="A126" s="53" t="s">
        <v>55</v>
      </c>
      <c r="B126" s="26" t="s">
        <v>172</v>
      </c>
      <c r="C126" s="111" t="s">
        <v>182</v>
      </c>
      <c r="D126" s="47">
        <v>150</v>
      </c>
      <c r="E126" s="108" t="s">
        <v>198</v>
      </c>
      <c r="F126" s="42"/>
      <c r="G126" s="235"/>
      <c r="H126" s="236"/>
    </row>
    <row r="127" spans="1:8" s="4" customFormat="1" ht="24.95" customHeight="1" x14ac:dyDescent="0.25">
      <c r="A127" s="53" t="s">
        <v>56</v>
      </c>
      <c r="B127" s="26" t="s">
        <v>177</v>
      </c>
      <c r="C127" s="111" t="s">
        <v>182</v>
      </c>
      <c r="D127" s="113">
        <v>0.04</v>
      </c>
      <c r="E127" s="108" t="s">
        <v>185</v>
      </c>
      <c r="F127" s="42"/>
      <c r="G127" s="235"/>
      <c r="H127" s="236"/>
    </row>
    <row r="128" spans="1:8" s="50" customFormat="1" ht="24.95" customHeight="1" x14ac:dyDescent="0.25">
      <c r="A128" s="76" t="s">
        <v>57</v>
      </c>
      <c r="B128" s="117" t="s">
        <v>135</v>
      </c>
      <c r="C128" s="233" t="s">
        <v>185</v>
      </c>
      <c r="D128" s="243"/>
      <c r="E128" s="244"/>
      <c r="F128" s="42"/>
      <c r="G128" s="233"/>
      <c r="H128" s="234"/>
    </row>
    <row r="129" spans="1:11" s="4" customFormat="1" ht="24.95" customHeight="1" x14ac:dyDescent="0.25">
      <c r="A129" s="53" t="s">
        <v>58</v>
      </c>
      <c r="B129" s="26" t="s">
        <v>139</v>
      </c>
      <c r="C129" s="240" t="s">
        <v>185</v>
      </c>
      <c r="D129" s="241"/>
      <c r="E129" s="242"/>
      <c r="F129" s="42"/>
      <c r="G129" s="165"/>
      <c r="H129" s="166"/>
    </row>
    <row r="130" spans="1:11" s="4" customFormat="1" ht="24.95" customHeight="1" x14ac:dyDescent="0.25">
      <c r="A130" s="53" t="s">
        <v>59</v>
      </c>
      <c r="B130" s="26" t="s">
        <v>140</v>
      </c>
      <c r="C130" s="240" t="s">
        <v>185</v>
      </c>
      <c r="D130" s="241"/>
      <c r="E130" s="242"/>
      <c r="F130" s="42"/>
      <c r="G130" s="165"/>
      <c r="H130" s="166"/>
    </row>
    <row r="131" spans="1:11" s="3" customFormat="1" ht="5.0999999999999996" customHeight="1" x14ac:dyDescent="0.25">
      <c r="A131" s="5"/>
      <c r="B131" s="5"/>
      <c r="C131" s="5"/>
      <c r="D131" s="5"/>
      <c r="E131" s="5"/>
      <c r="F131" s="7"/>
      <c r="G131" s="7"/>
      <c r="H131" s="25"/>
    </row>
    <row r="132" spans="1:11" s="2" customFormat="1" ht="20.100000000000001" customHeight="1" x14ac:dyDescent="0.25">
      <c r="A132" s="162" t="s">
        <v>46</v>
      </c>
      <c r="B132" s="162"/>
      <c r="C132" s="162"/>
      <c r="D132" s="162"/>
      <c r="E132" s="162"/>
      <c r="F132" s="162"/>
      <c r="G132" s="162"/>
      <c r="H132" s="162"/>
    </row>
    <row r="133" spans="1:11" s="2" customFormat="1" ht="5.0999999999999996" customHeight="1" thickBot="1" x14ac:dyDescent="0.3">
      <c r="A133" s="16"/>
      <c r="F133" s="6"/>
      <c r="G133" s="6"/>
      <c r="H133" s="6"/>
    </row>
    <row r="134" spans="1:11" s="3" customFormat="1" ht="69" customHeight="1" x14ac:dyDescent="0.25">
      <c r="A134" s="187" t="s">
        <v>7</v>
      </c>
      <c r="B134" s="188"/>
      <c r="C134" s="105"/>
      <c r="D134" s="105"/>
      <c r="E134" s="105"/>
      <c r="F134" s="144" t="s">
        <v>29</v>
      </c>
      <c r="G134" s="145"/>
      <c r="H134" s="146"/>
    </row>
    <row r="135" spans="1:11" s="3" customFormat="1" ht="30" customHeight="1" thickBot="1" x14ac:dyDescent="0.3">
      <c r="A135" s="189"/>
      <c r="B135" s="190"/>
      <c r="C135" s="106"/>
      <c r="D135" s="106"/>
      <c r="E135" s="106"/>
      <c r="F135" s="23" t="s">
        <v>6</v>
      </c>
      <c r="G135" s="191" t="s">
        <v>30</v>
      </c>
      <c r="H135" s="192"/>
    </row>
    <row r="136" spans="1:11" s="2" customFormat="1" ht="38.1" customHeight="1" x14ac:dyDescent="0.25">
      <c r="A136" s="56" t="s">
        <v>14</v>
      </c>
      <c r="B136" s="228" t="s">
        <v>154</v>
      </c>
      <c r="C136" s="229"/>
      <c r="D136" s="229"/>
      <c r="E136" s="230"/>
      <c r="F136" s="41"/>
      <c r="G136" s="231"/>
      <c r="H136" s="232"/>
    </row>
    <row r="137" spans="1:11" s="2" customFormat="1" ht="38.1" customHeight="1" x14ac:dyDescent="0.25">
      <c r="A137" s="57" t="s">
        <v>55</v>
      </c>
      <c r="B137" s="124" t="s">
        <v>148</v>
      </c>
      <c r="C137" s="125"/>
      <c r="D137" s="125"/>
      <c r="E137" s="126"/>
      <c r="F137" s="42"/>
      <c r="G137" s="138"/>
      <c r="H137" s="139"/>
    </row>
    <row r="138" spans="1:11" s="2" customFormat="1" ht="30" customHeight="1" x14ac:dyDescent="0.25">
      <c r="A138" s="60" t="s">
        <v>56</v>
      </c>
      <c r="B138" s="127" t="s">
        <v>84</v>
      </c>
      <c r="C138" s="128"/>
      <c r="D138" s="128"/>
      <c r="E138" s="129"/>
      <c r="F138" s="77"/>
      <c r="G138" s="220"/>
      <c r="H138" s="221"/>
    </row>
    <row r="139" spans="1:11" s="2" customFormat="1" ht="30" customHeight="1" x14ac:dyDescent="0.25">
      <c r="A139" s="61" t="s">
        <v>78</v>
      </c>
      <c r="B139" s="176" t="s">
        <v>85</v>
      </c>
      <c r="C139" s="177"/>
      <c r="D139" s="177"/>
      <c r="E139" s="178"/>
      <c r="F139" s="100"/>
      <c r="G139" s="170"/>
      <c r="H139" s="171"/>
    </row>
    <row r="140" spans="1:11" s="2" customFormat="1" ht="30" customHeight="1" x14ac:dyDescent="0.25">
      <c r="A140" s="62" t="s">
        <v>79</v>
      </c>
      <c r="B140" s="176" t="s">
        <v>86</v>
      </c>
      <c r="C140" s="177"/>
      <c r="D140" s="177"/>
      <c r="E140" s="178"/>
      <c r="F140" s="100"/>
      <c r="G140" s="172"/>
      <c r="H140" s="173"/>
    </row>
    <row r="141" spans="1:11" s="2" customFormat="1" ht="30" customHeight="1" x14ac:dyDescent="0.25">
      <c r="A141" s="62" t="s">
        <v>80</v>
      </c>
      <c r="B141" s="179" t="s">
        <v>87</v>
      </c>
      <c r="C141" s="180"/>
      <c r="D141" s="180"/>
      <c r="E141" s="181"/>
      <c r="F141" s="99"/>
      <c r="G141" s="172"/>
      <c r="H141" s="173"/>
    </row>
    <row r="142" spans="1:11" s="2" customFormat="1" ht="37.5" customHeight="1" x14ac:dyDescent="0.25">
      <c r="A142" s="63" t="s">
        <v>81</v>
      </c>
      <c r="B142" s="176" t="s">
        <v>88</v>
      </c>
      <c r="C142" s="177"/>
      <c r="D142" s="177"/>
      <c r="E142" s="178"/>
      <c r="F142" s="97"/>
      <c r="G142" s="142"/>
      <c r="H142" s="143"/>
    </row>
    <row r="143" spans="1:11" s="2" customFormat="1" ht="111.75" customHeight="1" x14ac:dyDescent="0.25">
      <c r="A143" s="59" t="s">
        <v>82</v>
      </c>
      <c r="B143" s="182" t="s">
        <v>89</v>
      </c>
      <c r="C143" s="183"/>
      <c r="D143" s="183"/>
      <c r="E143" s="184"/>
      <c r="F143" s="42"/>
      <c r="G143" s="138"/>
      <c r="H143" s="139"/>
      <c r="K143" s="118"/>
    </row>
    <row r="144" spans="1:11" s="2" customFormat="1" ht="84.75" customHeight="1" x14ac:dyDescent="0.25">
      <c r="A144" s="57" t="s">
        <v>57</v>
      </c>
      <c r="B144" s="124" t="s">
        <v>142</v>
      </c>
      <c r="C144" s="125"/>
      <c r="D144" s="125"/>
      <c r="E144" s="126"/>
      <c r="F144" s="42"/>
      <c r="G144" s="138"/>
      <c r="H144" s="139"/>
    </row>
    <row r="145" spans="1:8" s="2" customFormat="1" ht="38.1" customHeight="1" x14ac:dyDescent="0.25">
      <c r="A145" s="57" t="s">
        <v>58</v>
      </c>
      <c r="B145" s="124" t="s">
        <v>90</v>
      </c>
      <c r="C145" s="125"/>
      <c r="D145" s="125"/>
      <c r="E145" s="126"/>
      <c r="F145" s="42"/>
      <c r="G145" s="138"/>
      <c r="H145" s="139"/>
    </row>
    <row r="146" spans="1:8" s="2" customFormat="1" ht="38.1" customHeight="1" x14ac:dyDescent="0.25">
      <c r="A146" s="57" t="s">
        <v>59</v>
      </c>
      <c r="B146" s="124" t="s">
        <v>91</v>
      </c>
      <c r="C146" s="125"/>
      <c r="D146" s="125"/>
      <c r="E146" s="126"/>
      <c r="F146" s="42"/>
      <c r="G146" s="138"/>
      <c r="H146" s="139"/>
    </row>
    <row r="147" spans="1:8" s="2" customFormat="1" ht="38.1" customHeight="1" x14ac:dyDescent="0.25">
      <c r="A147" s="57" t="s">
        <v>60</v>
      </c>
      <c r="B147" s="124" t="s">
        <v>157</v>
      </c>
      <c r="C147" s="125"/>
      <c r="D147" s="125"/>
      <c r="E147" s="126"/>
      <c r="F147" s="42"/>
      <c r="G147" s="138"/>
      <c r="H147" s="139"/>
    </row>
    <row r="148" spans="1:8" s="2" customFormat="1" ht="57.75" customHeight="1" x14ac:dyDescent="0.25">
      <c r="A148" s="57" t="s">
        <v>61</v>
      </c>
      <c r="B148" s="124" t="s">
        <v>145</v>
      </c>
      <c r="C148" s="125"/>
      <c r="D148" s="125"/>
      <c r="E148" s="126"/>
      <c r="F148" s="42"/>
      <c r="G148" s="138"/>
      <c r="H148" s="139"/>
    </row>
    <row r="149" spans="1:8" s="2" customFormat="1" ht="188.25" customHeight="1" x14ac:dyDescent="0.25">
      <c r="A149" s="57" t="s">
        <v>62</v>
      </c>
      <c r="B149" s="121" t="s">
        <v>158</v>
      </c>
      <c r="C149" s="122"/>
      <c r="D149" s="122"/>
      <c r="E149" s="123"/>
      <c r="F149" s="42"/>
      <c r="G149" s="138"/>
      <c r="H149" s="139"/>
    </row>
    <row r="150" spans="1:8" s="2" customFormat="1" ht="79.5" customHeight="1" x14ac:dyDescent="0.25">
      <c r="A150" s="57" t="s">
        <v>75</v>
      </c>
      <c r="B150" s="121" t="s">
        <v>92</v>
      </c>
      <c r="C150" s="122"/>
      <c r="D150" s="122"/>
      <c r="E150" s="123"/>
      <c r="F150" s="42"/>
      <c r="G150" s="138"/>
      <c r="H150" s="139"/>
    </row>
    <row r="151" spans="1:8" s="9" customFormat="1" ht="173.25" customHeight="1" x14ac:dyDescent="0.25">
      <c r="A151" s="57" t="s">
        <v>63</v>
      </c>
      <c r="B151" s="124" t="s">
        <v>143</v>
      </c>
      <c r="C151" s="125"/>
      <c r="D151" s="125"/>
      <c r="E151" s="126"/>
      <c r="F151" s="47"/>
      <c r="G151" s="138"/>
      <c r="H151" s="139"/>
    </row>
    <row r="152" spans="1:8" s="2" customFormat="1" ht="71.25" customHeight="1" x14ac:dyDescent="0.25">
      <c r="A152" s="60" t="s">
        <v>64</v>
      </c>
      <c r="B152" s="127" t="s">
        <v>97</v>
      </c>
      <c r="C152" s="128"/>
      <c r="D152" s="128"/>
      <c r="E152" s="129"/>
      <c r="F152" s="98"/>
      <c r="G152" s="140"/>
      <c r="H152" s="141"/>
    </row>
    <row r="153" spans="1:8" s="2" customFormat="1" ht="45" customHeight="1" x14ac:dyDescent="0.25">
      <c r="A153" s="59" t="s">
        <v>83</v>
      </c>
      <c r="B153" s="130" t="s">
        <v>159</v>
      </c>
      <c r="C153" s="131"/>
      <c r="D153" s="131"/>
      <c r="E153" s="132"/>
      <c r="F153" s="97"/>
      <c r="G153" s="142"/>
      <c r="H153" s="143"/>
    </row>
    <row r="154" spans="1:8" s="2" customFormat="1" ht="75" customHeight="1" x14ac:dyDescent="0.25">
      <c r="A154" s="57" t="s">
        <v>65</v>
      </c>
      <c r="B154" s="124" t="s">
        <v>96</v>
      </c>
      <c r="C154" s="125"/>
      <c r="D154" s="125"/>
      <c r="E154" s="126"/>
      <c r="F154" s="42"/>
      <c r="G154" s="138"/>
      <c r="H154" s="139"/>
    </row>
    <row r="155" spans="1:8" s="2" customFormat="1" ht="38.1" customHeight="1" x14ac:dyDescent="0.25">
      <c r="A155" s="57" t="s">
        <v>66</v>
      </c>
      <c r="B155" s="124" t="s">
        <v>95</v>
      </c>
      <c r="C155" s="125"/>
      <c r="D155" s="125"/>
      <c r="E155" s="126"/>
      <c r="F155" s="42"/>
      <c r="G155" s="138"/>
      <c r="H155" s="139"/>
    </row>
    <row r="156" spans="1:8" s="2" customFormat="1" ht="38.1" customHeight="1" x14ac:dyDescent="0.25">
      <c r="A156" s="57" t="s">
        <v>67</v>
      </c>
      <c r="B156" s="124" t="s">
        <v>144</v>
      </c>
      <c r="C156" s="125"/>
      <c r="D156" s="125"/>
      <c r="E156" s="126"/>
      <c r="F156" s="42"/>
      <c r="G156" s="138"/>
      <c r="H156" s="139"/>
    </row>
    <row r="157" spans="1:8" s="2" customFormat="1" ht="54" customHeight="1" x14ac:dyDescent="0.25">
      <c r="A157" s="85" t="s">
        <v>68</v>
      </c>
      <c r="B157" s="124" t="s">
        <v>94</v>
      </c>
      <c r="C157" s="125"/>
      <c r="D157" s="125"/>
      <c r="E157" s="126"/>
      <c r="F157" s="42"/>
      <c r="G157" s="138"/>
      <c r="H157" s="139"/>
    </row>
    <row r="158" spans="1:8" s="2" customFormat="1" ht="120" customHeight="1" x14ac:dyDescent="0.25">
      <c r="A158" s="58" t="s">
        <v>69</v>
      </c>
      <c r="B158" s="124" t="s">
        <v>160</v>
      </c>
      <c r="C158" s="125"/>
      <c r="D158" s="125"/>
      <c r="E158" s="126"/>
      <c r="F158" s="42"/>
      <c r="G158" s="138"/>
      <c r="H158" s="139"/>
    </row>
    <row r="159" spans="1:8" s="2" customFormat="1" ht="59.25" customHeight="1" x14ac:dyDescent="0.25">
      <c r="A159" s="57" t="s">
        <v>70</v>
      </c>
      <c r="B159" s="124" t="s">
        <v>202</v>
      </c>
      <c r="C159" s="125"/>
      <c r="D159" s="125"/>
      <c r="E159" s="126"/>
      <c r="F159" s="42"/>
      <c r="G159" s="138"/>
      <c r="H159" s="139"/>
    </row>
    <row r="160" spans="1:8" s="2" customFormat="1" ht="82.5" customHeight="1" x14ac:dyDescent="0.25">
      <c r="A160" s="85" t="s">
        <v>71</v>
      </c>
      <c r="B160" s="124" t="s">
        <v>93</v>
      </c>
      <c r="C160" s="125"/>
      <c r="D160" s="125"/>
      <c r="E160" s="126"/>
      <c r="F160" s="42"/>
      <c r="G160" s="138"/>
      <c r="H160" s="139"/>
    </row>
    <row r="161" spans="1:9" s="2" customFormat="1" ht="44.25" customHeight="1" x14ac:dyDescent="0.25">
      <c r="A161" s="57" t="s">
        <v>72</v>
      </c>
      <c r="B161" s="124" t="s">
        <v>161</v>
      </c>
      <c r="C161" s="125"/>
      <c r="D161" s="125"/>
      <c r="E161" s="126"/>
      <c r="F161" s="42"/>
      <c r="G161" s="138"/>
      <c r="H161" s="139"/>
    </row>
    <row r="162" spans="1:9" s="2" customFormat="1" ht="38.1" customHeight="1" thickBot="1" x14ac:dyDescent="0.3">
      <c r="A162" s="84" t="s">
        <v>73</v>
      </c>
      <c r="B162" s="133" t="s">
        <v>147</v>
      </c>
      <c r="C162" s="134"/>
      <c r="D162" s="134"/>
      <c r="E162" s="135"/>
      <c r="F162" s="43"/>
      <c r="G162" s="136"/>
      <c r="H162" s="137"/>
    </row>
    <row r="163" spans="1:9" s="3" customFormat="1" ht="5.0999999999999996" customHeight="1" x14ac:dyDescent="0.25">
      <c r="A163" s="5"/>
      <c r="B163" s="5"/>
      <c r="C163" s="5"/>
      <c r="D163" s="5"/>
      <c r="E163" s="5"/>
      <c r="F163" s="7"/>
      <c r="G163" s="7"/>
      <c r="H163" s="25"/>
    </row>
    <row r="164" spans="1:9" s="2" customFormat="1" ht="20.100000000000001" customHeight="1" x14ac:dyDescent="0.25">
      <c r="A164" s="120" t="s">
        <v>52</v>
      </c>
      <c r="B164" s="120"/>
      <c r="C164" s="120"/>
      <c r="D164" s="120"/>
      <c r="E164" s="120"/>
      <c r="F164" s="120"/>
      <c r="G164" s="120"/>
      <c r="H164" s="120"/>
      <c r="I164" s="203"/>
    </row>
    <row r="165" spans="1:9" s="2" customFormat="1" ht="4.5" customHeight="1" thickBot="1" x14ac:dyDescent="0.3">
      <c r="I165" s="203"/>
    </row>
    <row r="166" spans="1:9" s="2" customFormat="1" ht="80.25" customHeight="1" x14ac:dyDescent="0.25">
      <c r="A166" s="187" t="s">
        <v>53</v>
      </c>
      <c r="B166" s="188"/>
      <c r="C166" s="89"/>
      <c r="D166" s="89"/>
      <c r="E166" s="89"/>
      <c r="F166" s="144" t="s">
        <v>54</v>
      </c>
      <c r="G166" s="145"/>
      <c r="H166" s="146"/>
      <c r="I166" s="203"/>
    </row>
    <row r="167" spans="1:9" s="3" customFormat="1" ht="29.25" customHeight="1" x14ac:dyDescent="0.25">
      <c r="A167" s="201"/>
      <c r="B167" s="202"/>
      <c r="C167" s="92"/>
      <c r="D167" s="92"/>
      <c r="E167" s="92"/>
      <c r="F167" s="65" t="s">
        <v>6</v>
      </c>
      <c r="G167" s="147" t="s">
        <v>30</v>
      </c>
      <c r="H167" s="148"/>
      <c r="I167" s="203"/>
    </row>
    <row r="168" spans="1:9" s="3" customFormat="1" ht="37.5" customHeight="1" x14ac:dyDescent="0.25">
      <c r="A168" s="57" t="s">
        <v>14</v>
      </c>
      <c r="B168" s="261" t="s">
        <v>156</v>
      </c>
      <c r="C168" s="262"/>
      <c r="D168" s="262"/>
      <c r="E168" s="263"/>
      <c r="F168" s="42"/>
      <c r="G168" s="149"/>
      <c r="H168" s="150"/>
      <c r="I168" s="83"/>
    </row>
    <row r="169" spans="1:9" s="3" customFormat="1" ht="42.75" customHeight="1" thickBot="1" x14ac:dyDescent="0.3">
      <c r="A169" s="84" t="s">
        <v>55</v>
      </c>
      <c r="B169" s="264" t="s">
        <v>201</v>
      </c>
      <c r="C169" s="265"/>
      <c r="D169" s="265"/>
      <c r="E169" s="266"/>
      <c r="F169" s="43"/>
      <c r="G169" s="136"/>
      <c r="H169" s="137"/>
      <c r="I169" s="64"/>
    </row>
    <row r="170" spans="1:9" s="2" customFormat="1" ht="5.0999999999999996" customHeight="1" x14ac:dyDescent="0.25">
      <c r="A170" s="5"/>
      <c r="B170" s="5"/>
      <c r="C170" s="5"/>
      <c r="D170" s="5"/>
      <c r="E170" s="5"/>
      <c r="F170" s="7"/>
      <c r="G170" s="7"/>
      <c r="H170" s="25"/>
    </row>
    <row r="171" spans="1:9" s="2" customFormat="1" ht="20.100000000000001" customHeight="1" x14ac:dyDescent="0.25">
      <c r="A171" s="162" t="s">
        <v>13</v>
      </c>
      <c r="B171" s="162"/>
      <c r="C171" s="162"/>
      <c r="D171" s="162"/>
      <c r="E171" s="162"/>
      <c r="F171" s="162"/>
      <c r="G171" s="162"/>
      <c r="H171" s="162"/>
    </row>
    <row r="172" spans="1:9" s="3" customFormat="1" ht="22.5" customHeight="1" x14ac:dyDescent="0.25">
      <c r="A172" s="5" t="s">
        <v>15</v>
      </c>
      <c r="B172" s="163" t="s">
        <v>151</v>
      </c>
      <c r="C172" s="163"/>
      <c r="D172" s="163"/>
      <c r="E172" s="163"/>
      <c r="F172" s="163"/>
      <c r="G172" s="163"/>
      <c r="H172" s="163"/>
    </row>
    <row r="173" spans="1:9" s="28" customFormat="1" ht="22.5" customHeight="1" x14ac:dyDescent="0.25">
      <c r="A173" s="5" t="s">
        <v>31</v>
      </c>
      <c r="B173" s="164" t="s">
        <v>32</v>
      </c>
      <c r="C173" s="164"/>
      <c r="D173" s="164"/>
      <c r="E173" s="164"/>
      <c r="F173" s="164"/>
      <c r="G173" s="164"/>
      <c r="H173" s="164"/>
    </row>
    <row r="174" spans="1:9" s="28" customFormat="1" ht="30" customHeight="1" x14ac:dyDescent="0.25">
      <c r="A174" s="119" t="s">
        <v>33</v>
      </c>
      <c r="B174" s="119"/>
      <c r="C174" s="119"/>
      <c r="D174" s="119"/>
      <c r="E174" s="119"/>
      <c r="F174" s="119"/>
      <c r="G174" s="119"/>
      <c r="H174" s="3"/>
    </row>
    <row r="175" spans="1:9" s="2" customFormat="1" ht="24.95" customHeight="1" x14ac:dyDescent="0.25">
      <c r="A175" s="27" t="s">
        <v>34</v>
      </c>
      <c r="B175" s="159"/>
      <c r="C175" s="159"/>
      <c r="D175" s="159"/>
      <c r="E175" s="159"/>
      <c r="F175" s="159"/>
      <c r="H175" s="28"/>
    </row>
    <row r="176" spans="1:9" s="2" customFormat="1" ht="24.95" customHeight="1" x14ac:dyDescent="0.25">
      <c r="A176" s="27" t="s">
        <v>35</v>
      </c>
      <c r="B176" s="153"/>
      <c r="C176" s="153"/>
      <c r="D176" s="153"/>
      <c r="E176" s="153"/>
      <c r="F176" s="153"/>
      <c r="H176" s="28"/>
    </row>
    <row r="177" spans="1:8" s="2" customFormat="1" ht="24.95" customHeight="1" x14ac:dyDescent="0.25">
      <c r="A177" s="27" t="s">
        <v>36</v>
      </c>
      <c r="B177" s="153"/>
      <c r="C177" s="153"/>
      <c r="D177" s="153"/>
      <c r="E177" s="153"/>
      <c r="F177" s="153"/>
      <c r="H177" s="28"/>
    </row>
    <row r="178" spans="1:8" s="3" customFormat="1" ht="24.95" customHeight="1" x14ac:dyDescent="0.25">
      <c r="A178" s="27" t="s">
        <v>37</v>
      </c>
      <c r="B178" s="153"/>
      <c r="C178" s="153"/>
      <c r="D178" s="153"/>
      <c r="E178" s="153"/>
      <c r="F178" s="153"/>
      <c r="G178" s="2"/>
      <c r="H178" s="29"/>
    </row>
    <row r="179" spans="1:8" s="2" customFormat="1" ht="46.5" customHeight="1" x14ac:dyDescent="0.2">
      <c r="A179" s="11"/>
      <c r="B179" s="12"/>
      <c r="C179" s="12"/>
      <c r="D179" s="12"/>
      <c r="E179" s="12"/>
      <c r="F179" s="12"/>
      <c r="H179" s="30"/>
    </row>
    <row r="180" spans="1:8" s="3" customFormat="1" ht="15" customHeight="1" x14ac:dyDescent="0.25">
      <c r="A180" s="160" t="s">
        <v>38</v>
      </c>
      <c r="B180" s="160"/>
      <c r="C180" s="160"/>
      <c r="D180" s="160"/>
      <c r="E180" s="160"/>
      <c r="F180" s="160"/>
      <c r="G180" s="160"/>
      <c r="H180" s="160"/>
    </row>
    <row r="181" spans="1:8" s="2" customFormat="1" ht="36.75" customHeight="1" x14ac:dyDescent="0.25">
      <c r="A181" s="161" t="s">
        <v>49</v>
      </c>
      <c r="B181" s="161"/>
      <c r="C181" s="161"/>
      <c r="D181" s="161"/>
      <c r="E181" s="161"/>
      <c r="F181" s="161"/>
      <c r="G181" s="161"/>
      <c r="H181" s="161"/>
    </row>
    <row r="182" spans="1:8" s="2" customFormat="1" ht="20.100000000000001" customHeight="1" x14ac:dyDescent="0.2">
      <c r="A182" s="1"/>
      <c r="B182" s="1"/>
      <c r="C182" s="1"/>
      <c r="D182" s="1"/>
      <c r="E182" s="1"/>
      <c r="F182" s="8"/>
      <c r="G182" s="8"/>
    </row>
    <row r="183" spans="1:8" s="3" customFormat="1" ht="4.5" customHeight="1" x14ac:dyDescent="0.2">
      <c r="A183" s="1"/>
      <c r="B183" s="1"/>
      <c r="C183" s="1"/>
      <c r="D183" s="1"/>
      <c r="E183" s="1"/>
      <c r="F183" s="8"/>
      <c r="G183" s="8"/>
      <c r="H183" s="2"/>
    </row>
    <row r="184" spans="1:8" s="3" customFormat="1" ht="20.100000000000001" customHeight="1" x14ac:dyDescent="0.25">
      <c r="A184" s="31" t="s">
        <v>39</v>
      </c>
      <c r="B184" s="66"/>
      <c r="C184" s="66"/>
      <c r="D184" s="32" t="s">
        <v>40</v>
      </c>
      <c r="E184" s="167"/>
      <c r="F184" s="167"/>
    </row>
    <row r="185" spans="1:8" s="3" customFormat="1" ht="20.100000000000001" customHeight="1" x14ac:dyDescent="0.25">
      <c r="A185" s="46" t="s">
        <v>41</v>
      </c>
      <c r="B185" s="67"/>
      <c r="C185" s="67"/>
      <c r="D185" s="33"/>
      <c r="E185" s="34"/>
      <c r="F185" s="34"/>
    </row>
    <row r="186" spans="1:8" ht="20.100000000000001" customHeight="1" x14ac:dyDescent="0.2">
      <c r="D186" s="35" t="s">
        <v>42</v>
      </c>
      <c r="E186" s="159"/>
      <c r="F186" s="159"/>
    </row>
    <row r="187" spans="1:8" s="2" customFormat="1" ht="20.100000000000001" customHeight="1" x14ac:dyDescent="0.2">
      <c r="A187" s="1"/>
      <c r="B187" s="1"/>
      <c r="C187" s="1"/>
      <c r="D187" s="35" t="s">
        <v>43</v>
      </c>
      <c r="E187" s="153"/>
      <c r="F187" s="153"/>
    </row>
    <row r="188" spans="1:8" s="2" customFormat="1" ht="20.100000000000001" customHeight="1" x14ac:dyDescent="0.2">
      <c r="A188" s="1"/>
      <c r="B188" s="1"/>
      <c r="C188" s="1"/>
      <c r="D188" s="36" t="s">
        <v>44</v>
      </c>
      <c r="E188" s="1"/>
    </row>
    <row r="189" spans="1:8" s="2" customFormat="1" ht="37.5" customHeight="1" x14ac:dyDescent="0.25"/>
    <row r="190" spans="1:8" s="2" customFormat="1" ht="24" customHeight="1" x14ac:dyDescent="0.25"/>
    <row r="191" spans="1:8" s="2" customFormat="1" ht="24" customHeight="1" x14ac:dyDescent="0.25"/>
    <row r="192" spans="1:8" s="2" customFormat="1" ht="24" customHeight="1" x14ac:dyDescent="0.25"/>
    <row r="193" spans="1:7" s="2" customFormat="1" ht="20.100000000000001" customHeight="1" x14ac:dyDescent="0.25"/>
    <row r="194" spans="1:7" s="2" customFormat="1" ht="20.100000000000001" customHeight="1" x14ac:dyDescent="0.25"/>
    <row r="195" spans="1:7" s="2" customFormat="1" ht="50.1" customHeight="1" x14ac:dyDescent="0.25"/>
    <row r="196" spans="1:7" s="2" customFormat="1" ht="43.5" customHeight="1" x14ac:dyDescent="0.25"/>
    <row r="197" spans="1:7" ht="24.75" customHeight="1" x14ac:dyDescent="0.2">
      <c r="A197" s="2"/>
      <c r="B197" s="2"/>
      <c r="C197" s="2"/>
      <c r="D197" s="2"/>
      <c r="E197" s="2"/>
      <c r="F197" s="2"/>
      <c r="G197" s="2"/>
    </row>
    <row r="198" spans="1:7" x14ac:dyDescent="0.2">
      <c r="A198" s="2"/>
      <c r="B198" s="2"/>
      <c r="C198" s="2"/>
      <c r="D198" s="2"/>
      <c r="E198" s="2"/>
      <c r="F198" s="2"/>
      <c r="G198" s="2"/>
    </row>
    <row r="199" spans="1:7" ht="20.100000000000001" customHeight="1" x14ac:dyDescent="0.2"/>
    <row r="200" spans="1:7" ht="4.5" customHeight="1" x14ac:dyDescent="0.2"/>
    <row r="201" spans="1:7" ht="20.100000000000001" customHeight="1" x14ac:dyDescent="0.2"/>
    <row r="202" spans="1:7" ht="20.100000000000001" customHeight="1" x14ac:dyDescent="0.2"/>
    <row r="203" spans="1:7" ht="20.100000000000001" customHeight="1" x14ac:dyDescent="0.2"/>
  </sheetData>
  <mergeCells count="226">
    <mergeCell ref="A102:E102"/>
    <mergeCell ref="A109:E109"/>
    <mergeCell ref="A117:E117"/>
    <mergeCell ref="A124:E124"/>
    <mergeCell ref="C54:E54"/>
    <mergeCell ref="C63:E63"/>
    <mergeCell ref="C61:E61"/>
    <mergeCell ref="C69:E69"/>
    <mergeCell ref="C71:E71"/>
    <mergeCell ref="C77:E77"/>
    <mergeCell ref="C78:E78"/>
    <mergeCell ref="C79:E79"/>
    <mergeCell ref="C85:E85"/>
    <mergeCell ref="C86:E86"/>
    <mergeCell ref="C87:E87"/>
    <mergeCell ref="C93:E93"/>
    <mergeCell ref="C94:E94"/>
    <mergeCell ref="C100:E100"/>
    <mergeCell ref="C101:E101"/>
    <mergeCell ref="C107:E107"/>
    <mergeCell ref="C108:E108"/>
    <mergeCell ref="C114:E114"/>
    <mergeCell ref="C116:E116"/>
    <mergeCell ref="C121:E121"/>
    <mergeCell ref="G67:H67"/>
    <mergeCell ref="G66:H66"/>
    <mergeCell ref="G65:H65"/>
    <mergeCell ref="G56:H56"/>
    <mergeCell ref="A64:E64"/>
    <mergeCell ref="A72:E72"/>
    <mergeCell ref="A80:E80"/>
    <mergeCell ref="A88:E88"/>
    <mergeCell ref="A95:E95"/>
    <mergeCell ref="G77:H77"/>
    <mergeCell ref="G76:H76"/>
    <mergeCell ref="G75:H75"/>
    <mergeCell ref="G74:H74"/>
    <mergeCell ref="G73:H73"/>
    <mergeCell ref="G71:H71"/>
    <mergeCell ref="G70:H70"/>
    <mergeCell ref="G69:H69"/>
    <mergeCell ref="G68:H68"/>
    <mergeCell ref="G87:H87"/>
    <mergeCell ref="G86:H86"/>
    <mergeCell ref="G85:H85"/>
    <mergeCell ref="G84:H84"/>
    <mergeCell ref="G83:H83"/>
    <mergeCell ref="G82:H82"/>
    <mergeCell ref="A49:B49"/>
    <mergeCell ref="B136:E136"/>
    <mergeCell ref="B137:E137"/>
    <mergeCell ref="G144:H144"/>
    <mergeCell ref="G136:H136"/>
    <mergeCell ref="B138:E138"/>
    <mergeCell ref="G128:H128"/>
    <mergeCell ref="G127:H127"/>
    <mergeCell ref="G126:H126"/>
    <mergeCell ref="G125:H125"/>
    <mergeCell ref="G123:H123"/>
    <mergeCell ref="G122:H122"/>
    <mergeCell ref="G121:H121"/>
    <mergeCell ref="G120:H120"/>
    <mergeCell ref="C122:E122"/>
    <mergeCell ref="C123:E123"/>
    <mergeCell ref="C129:E129"/>
    <mergeCell ref="C128:E128"/>
    <mergeCell ref="C130:E130"/>
    <mergeCell ref="G137:H137"/>
    <mergeCell ref="G119:H119"/>
    <mergeCell ref="G118:H118"/>
    <mergeCell ref="G116:H116"/>
    <mergeCell ref="G115:H115"/>
    <mergeCell ref="A3:H3"/>
    <mergeCell ref="A7:H7"/>
    <mergeCell ref="A8:H8"/>
    <mergeCell ref="A9:H9"/>
    <mergeCell ref="A11:H11"/>
    <mergeCell ref="A14:F14"/>
    <mergeCell ref="A44:H44"/>
    <mergeCell ref="A46:B47"/>
    <mergeCell ref="F46:H46"/>
    <mergeCell ref="G47:H47"/>
    <mergeCell ref="A23:H23"/>
    <mergeCell ref="B28:F28"/>
    <mergeCell ref="B29:F29"/>
    <mergeCell ref="A40:B40"/>
    <mergeCell ref="A22:H22"/>
    <mergeCell ref="B39:F39"/>
    <mergeCell ref="A17:F17"/>
    <mergeCell ref="A18:F18"/>
    <mergeCell ref="A19:H19"/>
    <mergeCell ref="A20:H20"/>
    <mergeCell ref="A21:F21"/>
    <mergeCell ref="A48:B48"/>
    <mergeCell ref="A134:B135"/>
    <mergeCell ref="F134:H134"/>
    <mergeCell ref="G135:H135"/>
    <mergeCell ref="G53:H53"/>
    <mergeCell ref="G54:H54"/>
    <mergeCell ref="F48:H49"/>
    <mergeCell ref="A166:B167"/>
    <mergeCell ref="I164:I167"/>
    <mergeCell ref="G157:H157"/>
    <mergeCell ref="G145:H145"/>
    <mergeCell ref="G146:H146"/>
    <mergeCell ref="G149:H149"/>
    <mergeCell ref="G50:H50"/>
    <mergeCell ref="G151:H151"/>
    <mergeCell ref="G58:H58"/>
    <mergeCell ref="G52:H52"/>
    <mergeCell ref="G150:H150"/>
    <mergeCell ref="G138:H138"/>
    <mergeCell ref="G72:H72"/>
    <mergeCell ref="G95:H95"/>
    <mergeCell ref="G102:H102"/>
    <mergeCell ref="G109:H109"/>
    <mergeCell ref="G117:H117"/>
    <mergeCell ref="B144:E144"/>
    <mergeCell ref="B145:E145"/>
    <mergeCell ref="B146:E146"/>
    <mergeCell ref="B147:E147"/>
    <mergeCell ref="B148:E148"/>
    <mergeCell ref="G59:H59"/>
    <mergeCell ref="G129:H129"/>
    <mergeCell ref="G130:H130"/>
    <mergeCell ref="A132:H132"/>
    <mergeCell ref="G124:H124"/>
    <mergeCell ref="G60:H60"/>
    <mergeCell ref="G61:H61"/>
    <mergeCell ref="G62:H62"/>
    <mergeCell ref="G114:H114"/>
    <mergeCell ref="G113:H113"/>
    <mergeCell ref="G112:H112"/>
    <mergeCell ref="G111:H111"/>
    <mergeCell ref="G110:H110"/>
    <mergeCell ref="G108:H108"/>
    <mergeCell ref="G107:H107"/>
    <mergeCell ref="G106:H106"/>
    <mergeCell ref="G105:H105"/>
    <mergeCell ref="G104:H104"/>
    <mergeCell ref="G103:H103"/>
    <mergeCell ref="A56:B56"/>
    <mergeCell ref="G142:H142"/>
    <mergeCell ref="G143:H143"/>
    <mergeCell ref="G141:H141"/>
    <mergeCell ref="B139:E139"/>
    <mergeCell ref="B140:E140"/>
    <mergeCell ref="B141:E141"/>
    <mergeCell ref="B142:E142"/>
    <mergeCell ref="B143:E143"/>
    <mergeCell ref="G57:H57"/>
    <mergeCell ref="G101:H101"/>
    <mergeCell ref="G100:H100"/>
    <mergeCell ref="G99:H99"/>
    <mergeCell ref="G81:H81"/>
    <mergeCell ref="G79:H79"/>
    <mergeCell ref="G78:H78"/>
    <mergeCell ref="G98:H98"/>
    <mergeCell ref="G97:H97"/>
    <mergeCell ref="G96:H96"/>
    <mergeCell ref="G94:H94"/>
    <mergeCell ref="G93:H93"/>
    <mergeCell ref="G92:H92"/>
    <mergeCell ref="G91:H91"/>
    <mergeCell ref="G90:H90"/>
    <mergeCell ref="E187:F187"/>
    <mergeCell ref="A2:H2"/>
    <mergeCell ref="A1:H1"/>
    <mergeCell ref="A12:F12"/>
    <mergeCell ref="A24:B24"/>
    <mergeCell ref="A27:B27"/>
    <mergeCell ref="B175:F175"/>
    <mergeCell ref="B176:F176"/>
    <mergeCell ref="B177:F177"/>
    <mergeCell ref="B178:F178"/>
    <mergeCell ref="A180:H180"/>
    <mergeCell ref="A181:H181"/>
    <mergeCell ref="A171:H171"/>
    <mergeCell ref="B172:H172"/>
    <mergeCell ref="B173:H173"/>
    <mergeCell ref="G55:H55"/>
    <mergeCell ref="G51:H51"/>
    <mergeCell ref="A13:F13"/>
    <mergeCell ref="E184:F184"/>
    <mergeCell ref="E186:F186"/>
    <mergeCell ref="G147:H147"/>
    <mergeCell ref="G148:H148"/>
    <mergeCell ref="G63:H63"/>
    <mergeCell ref="G64:H64"/>
    <mergeCell ref="G155:H155"/>
    <mergeCell ref="G156:H156"/>
    <mergeCell ref="F166:H166"/>
    <mergeCell ref="G167:H167"/>
    <mergeCell ref="G160:H160"/>
    <mergeCell ref="G161:H161"/>
    <mergeCell ref="G168:H168"/>
    <mergeCell ref="G169:H169"/>
    <mergeCell ref="G80:H80"/>
    <mergeCell ref="G88:H88"/>
    <mergeCell ref="G139:H139"/>
    <mergeCell ref="G140:H140"/>
    <mergeCell ref="G89:H89"/>
    <mergeCell ref="A174:G174"/>
    <mergeCell ref="A164:H164"/>
    <mergeCell ref="B169:E169"/>
    <mergeCell ref="B149:E149"/>
    <mergeCell ref="B150:E150"/>
    <mergeCell ref="B151:E151"/>
    <mergeCell ref="B152:E152"/>
    <mergeCell ref="B153:E153"/>
    <mergeCell ref="B154:E154"/>
    <mergeCell ref="B155:E155"/>
    <mergeCell ref="B156:E156"/>
    <mergeCell ref="B157:E157"/>
    <mergeCell ref="B158:E158"/>
    <mergeCell ref="B159:E159"/>
    <mergeCell ref="B160:E160"/>
    <mergeCell ref="B161:E161"/>
    <mergeCell ref="B162:E162"/>
    <mergeCell ref="B168:E168"/>
    <mergeCell ref="G162:H162"/>
    <mergeCell ref="G158:H158"/>
    <mergeCell ref="G159:H159"/>
    <mergeCell ref="G152:H152"/>
    <mergeCell ref="G153:H153"/>
    <mergeCell ref="G154:H154"/>
  </mergeCells>
  <conditionalFormatting sqref="F50 F136:F162 B175:F178 F64:F128 F168:F169">
    <cfRule type="containsBlanks" dxfId="19" priority="83">
      <formula>LEN(TRIM(B50))=0</formula>
    </cfRule>
  </conditionalFormatting>
  <conditionalFormatting sqref="E186:F186">
    <cfRule type="containsBlanks" dxfId="18" priority="82">
      <formula>LEN(TRIM(E186))=0</formula>
    </cfRule>
  </conditionalFormatting>
  <conditionalFormatting sqref="E187:F187">
    <cfRule type="containsBlanks" dxfId="17" priority="81">
      <formula>LEN(TRIM(E187))=0</formula>
    </cfRule>
  </conditionalFormatting>
  <conditionalFormatting sqref="B184">
    <cfRule type="containsBlanks" dxfId="16" priority="62">
      <formula>LEN(TRIM(B184))=0</formula>
    </cfRule>
  </conditionalFormatting>
  <conditionalFormatting sqref="B4">
    <cfRule type="containsBlanks" dxfId="15" priority="64">
      <formula>LEN(TRIM(B4))=0</formula>
    </cfRule>
  </conditionalFormatting>
  <conditionalFormatting sqref="B5">
    <cfRule type="containsBlanks" dxfId="14" priority="63">
      <formula>LEN(TRIM(B5))=0</formula>
    </cfRule>
  </conditionalFormatting>
  <conditionalFormatting sqref="B185">
    <cfRule type="containsBlanks" dxfId="13" priority="61">
      <formula>LEN(TRIM(B185))=0</formula>
    </cfRule>
  </conditionalFormatting>
  <conditionalFormatting sqref="F51">
    <cfRule type="containsBlanks" dxfId="12" priority="53">
      <formula>LEN(TRIM(F51))=0</formula>
    </cfRule>
  </conditionalFormatting>
  <conditionalFormatting sqref="F54">
    <cfRule type="containsBlanks" dxfId="11" priority="52">
      <formula>LEN(TRIM(F54))=0</formula>
    </cfRule>
  </conditionalFormatting>
  <conditionalFormatting sqref="F55">
    <cfRule type="containsBlanks" dxfId="10" priority="51">
      <formula>LEN(TRIM(F55))=0</formula>
    </cfRule>
  </conditionalFormatting>
  <conditionalFormatting sqref="F52">
    <cfRule type="containsBlanks" dxfId="9" priority="37">
      <formula>LEN(TRIM(F52))=0</formula>
    </cfRule>
  </conditionalFormatting>
  <conditionalFormatting sqref="F53">
    <cfRule type="containsBlanks" dxfId="8" priority="36">
      <formula>LEN(TRIM(F53))=0</formula>
    </cfRule>
  </conditionalFormatting>
  <conditionalFormatting sqref="F57 F129">
    <cfRule type="containsBlanks" dxfId="7" priority="31">
      <formula>LEN(TRIM(F57))=0</formula>
    </cfRule>
  </conditionalFormatting>
  <conditionalFormatting sqref="F58">
    <cfRule type="containsBlanks" dxfId="6" priority="30">
      <formula>LEN(TRIM(F58))=0</formula>
    </cfRule>
  </conditionalFormatting>
  <conditionalFormatting sqref="F60">
    <cfRule type="containsBlanks" dxfId="5" priority="29">
      <formula>LEN(TRIM(F60))=0</formula>
    </cfRule>
  </conditionalFormatting>
  <conditionalFormatting sqref="F61">
    <cfRule type="containsBlanks" dxfId="4" priority="28">
      <formula>LEN(TRIM(F61))=0</formula>
    </cfRule>
  </conditionalFormatting>
  <conditionalFormatting sqref="F62">
    <cfRule type="containsBlanks" dxfId="3" priority="27">
      <formula>LEN(TRIM(F62))=0</formula>
    </cfRule>
  </conditionalFormatting>
  <conditionalFormatting sqref="F63">
    <cfRule type="containsBlanks" dxfId="2" priority="26">
      <formula>LEN(TRIM(F63))=0</formula>
    </cfRule>
  </conditionalFormatting>
  <conditionalFormatting sqref="F130">
    <cfRule type="containsBlanks" dxfId="1" priority="24">
      <formula>LEN(TRIM(F130))=0</formula>
    </cfRule>
  </conditionalFormatting>
  <conditionalFormatting sqref="F59">
    <cfRule type="containsBlanks" dxfId="0" priority="22">
      <formula>LEN(TRIM(F59))=0</formula>
    </cfRule>
  </conditionalFormatting>
  <pageMargins left="0.7" right="0.7" top="0.97499999999999998" bottom="0.75" header="0.3" footer="0.3"/>
  <pageSetup paperSize="9" scale="48"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63" max="7" man="1"/>
    <brk id="123" max="7" man="1"/>
    <brk id="154" max="7"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4</xdr:row>
                    <xdr:rowOff>0</xdr:rowOff>
                  </from>
                  <to>
                    <xdr:col>0</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5</xdr:row>
                    <xdr:rowOff>9525</xdr:rowOff>
                  </from>
                  <to>
                    <xdr:col>0</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40</xdr:row>
                    <xdr:rowOff>9525</xdr:rowOff>
                  </from>
                  <to>
                    <xdr:col>0</xdr:col>
                    <xdr:colOff>885825</xdr:colOff>
                    <xdr:row>4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41</xdr:row>
                    <xdr:rowOff>0</xdr:rowOff>
                  </from>
                  <to>
                    <xdr:col>0</xdr:col>
                    <xdr:colOff>885825</xdr:colOff>
                    <xdr:row>4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onuka - PTK</vt:lpstr>
      <vt:lpstr>'Ponuka - PTK'!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4-02-05T13:47:26Z</cp:lastPrinted>
  <dcterms:created xsi:type="dcterms:W3CDTF">2017-04-21T05:51:15Z</dcterms:created>
  <dcterms:modified xsi:type="dcterms:W3CDTF">2025-03-25T12:58:21Z</dcterms:modified>
</cp:coreProperties>
</file>